
<file path=[Content_Types].xml><?xml version="1.0" encoding="utf-8"?>
<Types xmlns="http://schemas.openxmlformats.org/package/2006/content-types">
  <Default Extension="bin" ContentType="image/svg+xml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8"/>
  </p:sldMasterIdLst>
  <p:notesMasterIdLst>
    <p:notesMasterId r:id="rId27"/>
  </p:notesMasterIdLst>
  <p:sldIdLst>
    <p:sldId id="299" r:id="rId19"/>
    <p:sldId id="17165" r:id="rId20"/>
    <p:sldId id="17172" r:id="rId21"/>
    <p:sldId id="17443" r:id="rId22"/>
    <p:sldId id="17445" r:id="rId23"/>
    <p:sldId id="17171" r:id="rId24"/>
    <p:sldId id="17438" r:id="rId25"/>
    <p:sldId id="17442" r:id="rId26"/>
  </p:sldIdLst>
  <p:sldSz cx="12192000" cy="6858000"/>
  <p:notesSz cx="6858000" cy="9144000"/>
  <p:embeddedFontLst>
    <p:embeddedFont>
      <p:font typeface="ImaginaryFriendBBW00-Bold" panose="02000806000000020004" charset="0"/>
      <p:bold r:id="rId28"/>
    </p:embeddedFont>
    <p:embeddedFont>
      <p:font typeface="Open Sans" panose="020B0606030504020204" pitchFamily="34" charset="0"/>
      <p:regular r:id="rId29"/>
      <p:bold r:id="rId30"/>
      <p:italic r:id="rId31"/>
      <p:boldItalic r:id="rId32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677F"/>
    <a:srgbClr val="D9D9D9"/>
    <a:srgbClr val="E6F0F2"/>
    <a:srgbClr val="002F6D"/>
    <a:srgbClr val="00B2A9"/>
    <a:srgbClr val="FFF2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39B8296-2E19-4865-93F9-4C5EBAC22ED4}" v="510" dt="2024-06-13T20:30:09.85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89307" autoAdjust="0"/>
  </p:normalViewPr>
  <p:slideViewPr>
    <p:cSldViewPr snapToGrid="0">
      <p:cViewPr varScale="1">
        <p:scale>
          <a:sx n="57" d="100"/>
          <a:sy n="57" d="100"/>
        </p:scale>
        <p:origin x="992" y="4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slide" Target="slides/slide8.xml"/><Relationship Id="rId21" Type="http://schemas.openxmlformats.org/officeDocument/2006/relationships/slide" Target="slides/slide3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7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2.xml"/><Relationship Id="rId29" Type="http://schemas.openxmlformats.org/officeDocument/2006/relationships/font" Target="fonts/font2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6.xml"/><Relationship Id="rId32" Type="http://schemas.openxmlformats.org/officeDocument/2006/relationships/font" Target="fonts/font5.fntdata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font" Target="fonts/font1.fntdata"/><Relationship Id="rId36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31" Type="http://schemas.openxmlformats.org/officeDocument/2006/relationships/font" Target="fonts/font4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notesMaster" Target="notesMasters/notesMaster1.xml"/><Relationship Id="rId30" Type="http://schemas.openxmlformats.org/officeDocument/2006/relationships/font" Target="fonts/font3.fntdata"/><Relationship Id="rId35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5D2A1D3-A148-49D1-8F38-65B22E9E05D2}" type="datetimeFigureOut">
              <a:rPr lang="en-GB" smtClean="0"/>
              <a:t>14/06/2024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4B01B69-9944-47D3-BED5-DDFD5FD82563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9572641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4B01B69-9944-47D3-BED5-DDFD5FD82563}" type="slidenum">
              <a:rPr lang="en-GB" smtClean="0"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2131250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00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4B01B69-9944-47D3-BED5-DDFD5FD82563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0280711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7" Type="http://schemas.openxmlformats.org/officeDocument/2006/relationships/image" Target="../media/image6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png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7" Type="http://schemas.openxmlformats.org/officeDocument/2006/relationships/image" Target="../media/image6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png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6.svg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sv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2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sv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2.png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7.png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0.svg"/><Relationship Id="rId4" Type="http://schemas.openxmlformats.org/officeDocument/2006/relationships/image" Target="../media/image9.png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7" Type="http://schemas.openxmlformats.org/officeDocument/2006/relationships/image" Target="../media/image25.png"/><Relationship Id="rId2" Type="http://schemas.openxmlformats.org/officeDocument/2006/relationships/image" Target="../media/image2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4.png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1.png"/><Relationship Id="rId4" Type="http://schemas.openxmlformats.org/officeDocument/2006/relationships/image" Target="../media/image28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image" Target="../media/image29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2.png"/><Relationship Id="rId4" Type="http://schemas.openxmlformats.org/officeDocument/2006/relationships/image" Target="../media/image31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0.svg"/><Relationship Id="rId4" Type="http://schemas.openxmlformats.org/officeDocument/2006/relationships/image" Target="../media/image9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1">
            <a:extLst>
              <a:ext uri="{FF2B5EF4-FFF2-40B4-BE49-F238E27FC236}">
                <a16:creationId xmlns:a16="http://schemas.microsoft.com/office/drawing/2014/main" id="{79E6653F-D336-4BDD-9024-851F72533BC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2000" cy="6857999"/>
          </a:xfrm>
          <a:solidFill>
            <a:srgbClr val="D9D9D9"/>
          </a:solidFill>
        </p:spPr>
        <p:txBody>
          <a:bodyPr tIns="72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686259C4-3839-48E3-B78B-BB2623FA8D2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0"/>
            <a:ext cx="1501200" cy="10440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pic>
        <p:nvPicPr>
          <p:cNvPr id="17" name="Graphic 16">
            <a:extLst>
              <a:ext uri="{FF2B5EF4-FFF2-40B4-BE49-F238E27FC236}">
                <a16:creationId xmlns:a16="http://schemas.microsoft.com/office/drawing/2014/main" id="{AFF4F3A7-D0E7-4F4C-9813-1154A5747B8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hq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381174" y="5307806"/>
            <a:ext cx="1421837" cy="1043149"/>
          </a:xfrm>
          <a:prstGeom prst="rect">
            <a:avLst/>
          </a:prstGeom>
        </p:spPr>
      </p:pic>
      <p:sp>
        <p:nvSpPr>
          <p:cNvPr id="19" name="Text Placeholder 14">
            <a:extLst>
              <a:ext uri="{FF2B5EF4-FFF2-40B4-BE49-F238E27FC236}">
                <a16:creationId xmlns:a16="http://schemas.microsoft.com/office/drawing/2014/main" id="{82DF12C5-15BB-4C57-B62C-D33DABB1EA3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381011" y="5306955"/>
            <a:ext cx="1422000" cy="1044000"/>
          </a:xfrm>
          <a:blipFill>
            <a:blip r:embed="rId6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B9E66B35-1D24-457B-804D-4B818BA07C2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58813" y="4017351"/>
            <a:ext cx="8244000" cy="1581664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100" cap="all" baseline="0">
                <a:solidFill>
                  <a:schemeClr val="bg1"/>
                </a:solidFill>
              </a:defRPr>
            </a:lvl1pPr>
          </a:lstStyle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br>
              <a:rPr lang="en-US"/>
            </a:br>
            <a:r>
              <a:rPr lang="en-US" err="1"/>
              <a:t>forsid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21" name="Subtitle 2">
            <a:extLst>
              <a:ext uri="{FF2B5EF4-FFF2-40B4-BE49-F238E27FC236}">
                <a16:creationId xmlns:a16="http://schemas.microsoft.com/office/drawing/2014/main" id="{81CF1C3E-0997-472F-8448-D55D0A9F923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3" y="5686425"/>
            <a:ext cx="4837112" cy="622300"/>
          </a:xfrm>
        </p:spPr>
        <p:txBody>
          <a:bodyPr anchor="b" anchorCtr="0"/>
          <a:lstStyle>
            <a:lvl1pPr marL="0" indent="0" algn="l"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tekst</a:t>
            </a:r>
          </a:p>
        </p:txBody>
      </p:sp>
    </p:spTree>
    <p:extLst>
      <p:ext uri="{BB962C8B-B14F-4D97-AF65-F5344CB8AC3E}">
        <p14:creationId xmlns:p14="http://schemas.microsoft.com/office/powerpoint/2010/main" val="28824230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" userDrawn="1">
          <p15:clr>
            <a:srgbClr val="A4A3A4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 spalte og farvet boks til høj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2AD8BD0-6AEF-B249-1D42-B2E34EA1074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22510" y="1"/>
            <a:ext cx="3969490" cy="6858000"/>
          </a:xfrm>
          <a:solidFill>
            <a:schemeClr val="accent1"/>
          </a:solid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2914" y="441326"/>
            <a:ext cx="7416799" cy="1152988"/>
          </a:xfrm>
        </p:spPr>
        <p:txBody>
          <a:bodyPr/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A19B23-8D94-4C07-BD0B-ACE2E138BE3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49356" y="1825625"/>
            <a:ext cx="7416799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Præsentations tit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23C0BB7-6BAB-41B9-B847-BE177CEDBC97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52F84516-6625-B35D-0B10-BEBB72E73B4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665422" y="584200"/>
            <a:ext cx="3083666" cy="57245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BAC7DAE7-ACC6-A372-39CB-D3CE78FC6B5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42913" y="6211893"/>
            <a:ext cx="7416000" cy="126000"/>
          </a:xfrm>
        </p:spPr>
        <p:txBody>
          <a:bodyPr anchor="b" anchorCtr="0"/>
          <a:lstStyle>
            <a:lvl1pPr marL="0" indent="0">
              <a:buNone/>
              <a:defRPr sz="7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/>
            <a:r>
              <a:rPr lang="en-US" err="1"/>
              <a:t>Indsæt</a:t>
            </a:r>
            <a:r>
              <a:rPr lang="en-US"/>
              <a:t> Note: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23179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368" userDrawn="1">
          <p15:clr>
            <a:srgbClr val="A4A3A4"/>
          </p15:clr>
        </p15:guide>
        <p15:guide id="6" orient="horz" pos="1139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spalter og farvet boks til høj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D0EA07A-17DE-5CD3-9CEB-CFF0C3677CD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22510" y="1"/>
            <a:ext cx="3969490" cy="6858000"/>
          </a:xfrm>
          <a:solidFill>
            <a:srgbClr val="00677F"/>
          </a:solid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2914" y="441326"/>
            <a:ext cx="7416799" cy="1152988"/>
          </a:xfrm>
        </p:spPr>
        <p:txBody>
          <a:bodyPr/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A19B23-8D94-4C07-BD0B-ACE2E138BE3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49356" y="1825625"/>
            <a:ext cx="3526577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371CEDF-C080-4089-B677-FFBC21DDCE01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35933" y="1825625"/>
            <a:ext cx="3526577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Præsentations tit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23C0BB7-6BAB-41B9-B847-BE177CEDBC97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0CF4FEDB-5EEC-C661-54AC-C6332DAB931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665422" y="584200"/>
            <a:ext cx="3083666" cy="57245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3D55BAD0-C6D2-C497-F4E7-98DE6BF325A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42913" y="6211893"/>
            <a:ext cx="7416000" cy="126000"/>
          </a:xfrm>
        </p:spPr>
        <p:txBody>
          <a:bodyPr anchor="b" anchorCtr="0"/>
          <a:lstStyle>
            <a:lvl1pPr marL="0" indent="0">
              <a:buNone/>
              <a:defRPr sz="7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/>
            <a:r>
              <a:rPr lang="en-US" err="1"/>
              <a:t>Indsæt</a:t>
            </a:r>
            <a:r>
              <a:rPr lang="en-US"/>
              <a:t> Note: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948186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>
          <p15:clr>
            <a:srgbClr val="A4A3A4"/>
          </p15:clr>
        </p15:guide>
        <p15:guide id="2" pos="2729">
          <p15:clr>
            <a:srgbClr val="A4A3A4"/>
          </p15:clr>
        </p15:guide>
        <p15:guide id="3" pos="4951">
          <p15:clr>
            <a:srgbClr val="A4A3A4"/>
          </p15:clr>
        </p15:guide>
        <p15:guide id="4" pos="5178">
          <p15:clr>
            <a:srgbClr val="A4A3A4"/>
          </p15:clr>
        </p15:guide>
        <p15:guide id="5" orient="horz" pos="368">
          <p15:clr>
            <a:srgbClr val="A4A3A4"/>
          </p15:clr>
        </p15:guide>
        <p15:guide id="6" orient="horz" pos="1139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 spalte og billede til høj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1">
            <a:extLst>
              <a:ext uri="{FF2B5EF4-FFF2-40B4-BE49-F238E27FC236}">
                <a16:creationId xmlns:a16="http://schemas.microsoft.com/office/drawing/2014/main" id="{252214CC-ED68-4D25-AFC8-9C36D97A4D2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222510" y="0"/>
            <a:ext cx="3969490" cy="6858000"/>
          </a:xfrm>
          <a:solidFill>
            <a:schemeClr val="bg1">
              <a:lumMod val="85000"/>
            </a:schemeClr>
          </a:solidFill>
        </p:spPr>
        <p:txBody>
          <a:bodyPr tIns="72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2914" y="441326"/>
            <a:ext cx="7416799" cy="1152988"/>
          </a:xfrm>
        </p:spPr>
        <p:txBody>
          <a:bodyPr/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A19B23-8D94-4C07-BD0B-ACE2E138BE3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49356" y="1825625"/>
            <a:ext cx="7416799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Præsentations titel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DA1C4F23-EB31-A6FF-DA76-A96E2B7E4EE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42913" y="6211893"/>
            <a:ext cx="7416000" cy="126000"/>
          </a:xfrm>
        </p:spPr>
        <p:txBody>
          <a:bodyPr anchor="b" anchorCtr="0"/>
          <a:lstStyle>
            <a:lvl1pPr marL="0" indent="0">
              <a:buNone/>
              <a:defRPr sz="7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/>
            <a:r>
              <a:rPr lang="en-US" err="1"/>
              <a:t>Indsæt</a:t>
            </a:r>
            <a:r>
              <a:rPr lang="en-US"/>
              <a:t> Note:</a:t>
            </a:r>
            <a:endParaRPr lang="en-GB"/>
          </a:p>
        </p:txBody>
      </p:sp>
      <p:sp>
        <p:nvSpPr>
          <p:cNvPr id="8" name="Date Placeholder 4">
            <a:extLst>
              <a:ext uri="{FF2B5EF4-FFF2-40B4-BE49-F238E27FC236}">
                <a16:creationId xmlns:a16="http://schemas.microsoft.com/office/drawing/2014/main" id="{04C5C92A-AFC1-8824-B08A-230607DCDCC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556812" y="6522575"/>
            <a:ext cx="2743200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9" name="Slide Number Placeholder 6">
            <a:extLst>
              <a:ext uri="{FF2B5EF4-FFF2-40B4-BE49-F238E27FC236}">
                <a16:creationId xmlns:a16="http://schemas.microsoft.com/office/drawing/2014/main" id="{A0B0A9B2-0C9F-A0C3-DE50-6C048A3FE7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89088" y="6522575"/>
            <a:ext cx="360000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23C0BB7-6BAB-41B9-B847-BE177CEDBC97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364540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arvet boks og en spalte til venst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95D05DAB-B88F-543E-C930-034B30B9E72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0" y="1"/>
            <a:ext cx="3969490" cy="6858000"/>
          </a:xfrm>
          <a:solidFill>
            <a:schemeClr val="accent1"/>
          </a:solid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35933" y="441326"/>
            <a:ext cx="7416799" cy="1152988"/>
          </a:xfrm>
        </p:spPr>
        <p:txBody>
          <a:bodyPr/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A19B23-8D94-4C07-BD0B-ACE2E138BE3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342375" y="1825625"/>
            <a:ext cx="7413154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‹nr.›</a:t>
            </a:fld>
            <a:endParaRPr lang="en-GB"/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3E673D3D-CF67-1AF2-88AA-AB874638CD9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36471" y="584200"/>
            <a:ext cx="3083666" cy="57245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95DA3B26-9D31-A1B3-7C40-331FF78CC4B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1792" y="6553827"/>
            <a:ext cx="486000" cy="75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19" name="Text Placeholder 7">
            <a:extLst>
              <a:ext uri="{FF2B5EF4-FFF2-40B4-BE49-F238E27FC236}">
                <a16:creationId xmlns:a16="http://schemas.microsoft.com/office/drawing/2014/main" id="{27ADB23C-9129-8D3B-EC8D-A99F73718B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42375" y="6211893"/>
            <a:ext cx="7416000" cy="126000"/>
          </a:xfrm>
        </p:spPr>
        <p:txBody>
          <a:bodyPr anchor="b" anchorCtr="0"/>
          <a:lstStyle>
            <a:lvl1pPr marL="0" indent="0">
              <a:buNone/>
              <a:defRPr sz="7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/>
            <a:r>
              <a:rPr lang="en-US" err="1"/>
              <a:t>Indsæt</a:t>
            </a:r>
            <a:r>
              <a:rPr lang="en-US"/>
              <a:t> Note: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40735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368" userDrawn="1">
          <p15:clr>
            <a:srgbClr val="A4A3A4"/>
          </p15:clr>
        </p15:guide>
        <p15:guide id="6" orient="horz" pos="1139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arvet boks og to spalter til venst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82B13395-A8C5-BB20-3281-2FCF685F274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0" y="1"/>
            <a:ext cx="3969490" cy="6858000"/>
          </a:xfrm>
          <a:solidFill>
            <a:schemeClr val="accent1"/>
          </a:solid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35933" y="441326"/>
            <a:ext cx="7416799" cy="1152988"/>
          </a:xfrm>
        </p:spPr>
        <p:txBody>
          <a:bodyPr/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A19B23-8D94-4C07-BD0B-ACE2E138BE3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342375" y="1825625"/>
            <a:ext cx="3526577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371CEDF-C080-4089-B677-FFBC21DDCE01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228952" y="1825625"/>
            <a:ext cx="3526577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‹nr.›</a:t>
            </a:fld>
            <a:endParaRPr lang="en-GB"/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3E673D3D-CF67-1AF2-88AA-AB874638CD9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36471" y="584200"/>
            <a:ext cx="3083666" cy="57245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D6BD3734-CF74-1A14-4E3C-7236CFB55B6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1792" y="6553827"/>
            <a:ext cx="486000" cy="75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16" name="Text Placeholder 7">
            <a:extLst>
              <a:ext uri="{FF2B5EF4-FFF2-40B4-BE49-F238E27FC236}">
                <a16:creationId xmlns:a16="http://schemas.microsoft.com/office/drawing/2014/main" id="{88B4FC12-F743-3A6D-8CEA-E79E5347D20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42375" y="6211893"/>
            <a:ext cx="7416000" cy="126000"/>
          </a:xfrm>
        </p:spPr>
        <p:txBody>
          <a:bodyPr anchor="b" anchorCtr="0"/>
          <a:lstStyle>
            <a:lvl1pPr marL="0" indent="0">
              <a:buNone/>
              <a:defRPr sz="7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/>
            <a:r>
              <a:rPr lang="en-US" err="1"/>
              <a:t>Indsæt</a:t>
            </a:r>
            <a:r>
              <a:rPr lang="en-US"/>
              <a:t> Note: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9978858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368" userDrawn="1">
          <p15:clr>
            <a:srgbClr val="A4A3A4"/>
          </p15:clr>
        </p15:guide>
        <p15:guide id="6" orient="horz" pos="1139" userDrawn="1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 spalte og billede til venst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1">
            <a:extLst>
              <a:ext uri="{FF2B5EF4-FFF2-40B4-BE49-F238E27FC236}">
                <a16:creationId xmlns:a16="http://schemas.microsoft.com/office/drawing/2014/main" id="{4E2FCAA9-D56F-4C0D-969C-9BAF507784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3969490" cy="6858000"/>
          </a:xfrm>
          <a:solidFill>
            <a:schemeClr val="bg1">
              <a:lumMod val="85000"/>
            </a:schemeClr>
          </a:solidFill>
        </p:spPr>
        <p:txBody>
          <a:bodyPr tIns="72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35933" y="441326"/>
            <a:ext cx="7416799" cy="1152988"/>
          </a:xfrm>
        </p:spPr>
        <p:txBody>
          <a:bodyPr/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A19B23-8D94-4C07-BD0B-ACE2E138BE3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342375" y="1825625"/>
            <a:ext cx="7416799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40AE7B1-BB0E-253C-C218-AE096101C8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342375" y="6211893"/>
            <a:ext cx="7416000" cy="126000"/>
          </a:xfrm>
        </p:spPr>
        <p:txBody>
          <a:bodyPr anchor="b" anchorCtr="0"/>
          <a:lstStyle>
            <a:lvl1pPr marL="0" indent="0">
              <a:buNone/>
              <a:defRPr sz="7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/>
            <a:r>
              <a:rPr lang="en-US" err="1"/>
              <a:t>Indsæt</a:t>
            </a:r>
            <a:r>
              <a:rPr lang="en-US"/>
              <a:t> Note:</a:t>
            </a:r>
            <a:endParaRPr lang="en-GB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78EECDA4-3419-A3C7-08EE-AD7418E856E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097756" y="6522575"/>
            <a:ext cx="4114800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FFE289EB-E381-A764-F991-D1D77911DDD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1792" y="6553827"/>
            <a:ext cx="486000" cy="75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250701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ort billede til venst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ext Placeholder 10">
            <a:extLst>
              <a:ext uri="{FF2B5EF4-FFF2-40B4-BE49-F238E27FC236}">
                <a16:creationId xmlns:a16="http://schemas.microsoft.com/office/drawing/2014/main" id="{3C33BD4E-6239-9ECD-D884-21A00F4184C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222510" y="1"/>
            <a:ext cx="3969490" cy="6858000"/>
          </a:xfrm>
          <a:solidFill>
            <a:schemeClr val="accent1"/>
          </a:solid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14" name="Picture Placeholder 11">
            <a:extLst>
              <a:ext uri="{FF2B5EF4-FFF2-40B4-BE49-F238E27FC236}">
                <a16:creationId xmlns:a16="http://schemas.microsoft.com/office/drawing/2014/main" id="{4E2FCAA9-D56F-4C0D-969C-9BAF507784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8222510" cy="6858000"/>
          </a:xfrm>
          <a:solidFill>
            <a:schemeClr val="bg1">
              <a:lumMod val="85000"/>
            </a:schemeClr>
          </a:solidFill>
        </p:spPr>
        <p:txBody>
          <a:bodyPr tIns="72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58981" y="441326"/>
            <a:ext cx="3090107" cy="158676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23C0BB7-6BAB-41B9-B847-BE177CEDBC97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7E5DBAD2-767B-277E-F07D-8127733668A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8665422" y="2614245"/>
            <a:ext cx="3083666" cy="369448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id="{26581423-93D6-81E0-0E6B-A1EE63FAEDB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097756" y="6522575"/>
            <a:ext cx="4114800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A19AD80-1281-FF3B-F420-7CE88CD6F9C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1792" y="6553827"/>
            <a:ext cx="486000" cy="75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652235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ort billede til høj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ext Placeholder 10">
            <a:extLst>
              <a:ext uri="{FF2B5EF4-FFF2-40B4-BE49-F238E27FC236}">
                <a16:creationId xmlns:a16="http://schemas.microsoft.com/office/drawing/2014/main" id="{3C33BD4E-6239-9ECD-D884-21A00F4184C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1"/>
            <a:ext cx="3969490" cy="6858000"/>
          </a:xfrm>
          <a:solidFill>
            <a:srgbClr val="00677F"/>
          </a:solid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14" name="Picture Placeholder 11">
            <a:extLst>
              <a:ext uri="{FF2B5EF4-FFF2-40B4-BE49-F238E27FC236}">
                <a16:creationId xmlns:a16="http://schemas.microsoft.com/office/drawing/2014/main" id="{4E2FCAA9-D56F-4C0D-969C-9BAF507784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969490" y="0"/>
            <a:ext cx="8222510" cy="6858000"/>
          </a:xfrm>
          <a:solidFill>
            <a:schemeClr val="bg1">
              <a:lumMod val="85000"/>
            </a:schemeClr>
          </a:solidFill>
        </p:spPr>
        <p:txBody>
          <a:bodyPr tIns="72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2912" y="441326"/>
            <a:ext cx="3083666" cy="158676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23C0BB7-6BAB-41B9-B847-BE177CEDBC97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7E5DBAD2-767B-277E-F07D-8127733668A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42912" y="2614245"/>
            <a:ext cx="3083666" cy="369448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2F51845A-BF35-134C-F8EE-02A885C9BA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097756" y="6522575"/>
            <a:ext cx="4114800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7C8784C6-1B06-D0B9-7D3E-52DDB77148F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1792" y="6553827"/>
            <a:ext cx="486000" cy="75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454475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Picture Placeholder 11">
            <a:extLst>
              <a:ext uri="{FF2B5EF4-FFF2-40B4-BE49-F238E27FC236}">
                <a16:creationId xmlns:a16="http://schemas.microsoft.com/office/drawing/2014/main" id="{DC4B3198-3366-4AA9-8E9B-12937AACC89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96108" y="0"/>
            <a:ext cx="6895892" cy="6858000"/>
          </a:xfrm>
          <a:solidFill>
            <a:schemeClr val="bg1">
              <a:lumMod val="85000"/>
            </a:schemeClr>
          </a:solidFill>
        </p:spPr>
        <p:txBody>
          <a:bodyPr tIns="72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0D329474-86FF-BD13-178F-1307A5BBA6E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0" y="1"/>
            <a:ext cx="5303838" cy="68580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2913" y="692150"/>
            <a:ext cx="4410281" cy="1336675"/>
          </a:xfrm>
        </p:spPr>
        <p:txBody>
          <a:bodyPr/>
          <a:lstStyle>
            <a:lvl1pPr>
              <a:lnSpc>
                <a:spcPct val="100000"/>
              </a:lnSpc>
              <a:defRPr sz="4100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KLIK FOR AT REDIGERE TITEL</a:t>
            </a:r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23C0BB7-6BAB-41B9-B847-BE177CEDBC97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B3572638-873D-77BC-534E-83F4155DCBF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49355" y="2790825"/>
            <a:ext cx="3083666" cy="3270713"/>
          </a:xfrm>
        </p:spPr>
        <p:txBody>
          <a:bodyPr anchor="b" anchorCtr="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F5726239-D57D-37F4-3E89-C775A28C7C9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1792" y="6553827"/>
            <a:ext cx="486000" cy="75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255495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341" userDrawn="1">
          <p15:clr>
            <a:srgbClr val="A4A3A4"/>
          </p15:clr>
        </p15:guide>
        <p15:guide id="6" pos="3069" userDrawn="1">
          <p15:clr>
            <a:srgbClr val="A4A3A4"/>
          </p15:clr>
        </p15:guide>
        <p15:guide id="7" orient="horz" pos="436" userDrawn="1">
          <p15:clr>
            <a:srgbClr val="A4A3A4"/>
          </p15:clr>
        </p15:guide>
        <p15:guide id="8" orient="horz" pos="1139" userDrawn="1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 message med farvet bok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10">
            <a:extLst>
              <a:ext uri="{FF2B5EF4-FFF2-40B4-BE49-F238E27FC236}">
                <a16:creationId xmlns:a16="http://schemas.microsoft.com/office/drawing/2014/main" id="{86B72405-100C-C947-A9C2-CF00BD1C1E4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-1" y="1"/>
            <a:ext cx="6894605" cy="6858000"/>
          </a:xfrm>
          <a:solidFill>
            <a:schemeClr val="accent1"/>
          </a:solid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0D329474-86FF-BD13-178F-1307A5BBA6E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888162" y="1"/>
            <a:ext cx="5303838" cy="68580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331075" y="692150"/>
            <a:ext cx="4410281" cy="1336675"/>
          </a:xfrm>
        </p:spPr>
        <p:txBody>
          <a:bodyPr/>
          <a:lstStyle>
            <a:lvl1pPr>
              <a:lnSpc>
                <a:spcPct val="100000"/>
              </a:lnSpc>
              <a:defRPr sz="4100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KLIK FOR AT REDIGERE TITEL</a:t>
            </a:r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‹nr.›</a:t>
            </a:fld>
            <a:endParaRPr lang="en-GB"/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B3572638-873D-77BC-534E-83F4155DCBF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337517" y="2790825"/>
            <a:ext cx="3083666" cy="3270713"/>
          </a:xfrm>
        </p:spPr>
        <p:txBody>
          <a:bodyPr anchor="b" anchorCtr="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03D08552-DCCC-9260-1285-817D43DBBF5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1792" y="6553827"/>
            <a:ext cx="486000" cy="75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2B9FF8A9-6DED-9890-A049-EB7EFD19982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71475" y="3740177"/>
            <a:ext cx="5643562" cy="2879725"/>
          </a:xfrm>
        </p:spPr>
        <p:txBody>
          <a:bodyPr anchor="b" anchorCtr="0"/>
          <a:lstStyle>
            <a:lvl1pPr marL="0" indent="0">
              <a:buNone/>
              <a:defRPr sz="200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/>
              <a:t>21%</a:t>
            </a:r>
            <a:endParaRPr lang="en-GB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7889A7-2832-DEEA-898C-7BDFFC85618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1792" y="3029929"/>
            <a:ext cx="2881958" cy="663575"/>
          </a:xfrm>
        </p:spPr>
        <p:txBody>
          <a:bodyPr/>
          <a:lstStyle>
            <a:lvl1pPr marL="0" indent="0">
              <a:buNone/>
              <a:defRPr sz="11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err="1"/>
              <a:t>Elicient</a:t>
            </a:r>
            <a:r>
              <a:rPr lang="en-US"/>
              <a:t> </a:t>
            </a:r>
            <a:r>
              <a:rPr lang="en-US" err="1"/>
              <a:t>autat</a:t>
            </a:r>
            <a:r>
              <a:rPr lang="en-US"/>
              <a:t> ped que </a:t>
            </a:r>
            <a:r>
              <a:rPr lang="en-US" err="1"/>
              <a:t>invella</a:t>
            </a:r>
            <a:r>
              <a:rPr lang="en-US"/>
              <a:t> </a:t>
            </a:r>
            <a:r>
              <a:rPr lang="en-US" err="1"/>
              <a:t>cullabo</a:t>
            </a:r>
            <a:r>
              <a:rPr lang="en-US"/>
              <a:t> rem </a:t>
            </a:r>
            <a:r>
              <a:rPr lang="en-US" err="1"/>
              <a:t>voluptam</a:t>
            </a:r>
            <a:r>
              <a:rPr lang="en-US"/>
              <a:t> </a:t>
            </a:r>
            <a:r>
              <a:rPr lang="en-US" err="1"/>
              <a:t>dolup</a:t>
            </a:r>
            <a:r>
              <a:rPr lang="en-US"/>
              <a:t> </a:t>
            </a:r>
            <a:r>
              <a:rPr lang="en-US" err="1"/>
              <a:t>tatqui</a:t>
            </a:r>
            <a:r>
              <a:rPr lang="en-US"/>
              <a:t> </a:t>
            </a:r>
            <a:r>
              <a:rPr lang="en-US" err="1"/>
              <a:t>officta</a:t>
            </a:r>
            <a:r>
              <a:rPr lang="en-US"/>
              <a:t> del </a:t>
            </a:r>
            <a:r>
              <a:rPr lang="en-US" err="1"/>
              <a:t>eum</a:t>
            </a:r>
            <a:r>
              <a:rPr lang="en-US"/>
              <a:t> </a:t>
            </a:r>
            <a:r>
              <a:rPr lang="en-US" err="1"/>
              <a:t>ut</a:t>
            </a:r>
            <a:r>
              <a:rPr lang="en-US"/>
              <a:t> dem ante </a:t>
            </a:r>
            <a:r>
              <a:rPr lang="en-US" err="1"/>
              <a:t>mo</a:t>
            </a:r>
            <a:r>
              <a:rPr lang="en-US"/>
              <a:t> </a:t>
            </a:r>
            <a:r>
              <a:rPr lang="en-US" err="1"/>
              <a:t>exerore</a:t>
            </a:r>
            <a:r>
              <a:rPr lang="en-US"/>
              <a:t> </a:t>
            </a:r>
            <a:r>
              <a:rPr lang="en-US" err="1"/>
              <a:t>odition</a:t>
            </a:r>
            <a:r>
              <a:rPr lang="en-US"/>
              <a:t> pro </a:t>
            </a:r>
            <a:r>
              <a:rPr lang="en-US" err="1"/>
              <a:t>miltatqui</a:t>
            </a:r>
            <a:r>
              <a:rPr lang="en-US"/>
              <a:t> </a:t>
            </a:r>
            <a:r>
              <a:rPr lang="en-US" err="1"/>
              <a:t>officta</a:t>
            </a:r>
            <a:r>
              <a:rPr lang="en-US"/>
              <a:t> del </a:t>
            </a:r>
            <a:r>
              <a:rPr lang="en-US" err="1"/>
              <a:t>eum</a:t>
            </a:r>
            <a:r>
              <a:rPr lang="en-US"/>
              <a:t> </a:t>
            </a:r>
            <a:r>
              <a:rPr lang="en-US" err="1"/>
              <a:t>ut</a:t>
            </a:r>
            <a:r>
              <a:rPr lang="en-US"/>
              <a:t> dem ante </a:t>
            </a:r>
            <a:r>
              <a:rPr lang="en-US" err="1"/>
              <a:t>mo</a:t>
            </a:r>
            <a:r>
              <a:rPr lang="en-US"/>
              <a:t> </a:t>
            </a:r>
            <a:r>
              <a:rPr lang="en-US" err="1"/>
              <a:t>exer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1751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341" userDrawn="1">
          <p15:clr>
            <a:srgbClr val="A4A3A4"/>
          </p15:clr>
        </p15:guide>
        <p15:guide id="6" pos="3069" userDrawn="1">
          <p15:clr>
            <a:srgbClr val="A4A3A4"/>
          </p15:clr>
        </p15:guide>
        <p15:guide id="7" orient="horz" pos="436" userDrawn="1">
          <p15:clr>
            <a:srgbClr val="A4A3A4"/>
          </p15:clr>
        </p15:guide>
        <p15:guide id="8" orient="horz" pos="1139" userDrawn="1">
          <p15:clr>
            <a:srgbClr val="A4A3A4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skrå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1">
            <a:extLst>
              <a:ext uri="{FF2B5EF4-FFF2-40B4-BE49-F238E27FC236}">
                <a16:creationId xmlns:a16="http://schemas.microsoft.com/office/drawing/2014/main" id="{79E6653F-D336-4BDD-9024-851F72533BC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 rot="-180000">
            <a:off x="-2448" y="-3184"/>
            <a:ext cx="12197276" cy="6862227"/>
          </a:xfrm>
          <a:custGeom>
            <a:avLst/>
            <a:gdLst>
              <a:gd name="connsiteX0" fmla="*/ 0 w 12192000"/>
              <a:gd name="connsiteY0" fmla="*/ 0 h 6857999"/>
              <a:gd name="connsiteX1" fmla="*/ 12192000 w 12192000"/>
              <a:gd name="connsiteY1" fmla="*/ 0 h 6857999"/>
              <a:gd name="connsiteX2" fmla="*/ 12192000 w 12192000"/>
              <a:gd name="connsiteY2" fmla="*/ 6857999 h 6857999"/>
              <a:gd name="connsiteX3" fmla="*/ 0 w 12192000"/>
              <a:gd name="connsiteY3" fmla="*/ 6857999 h 6857999"/>
              <a:gd name="connsiteX4" fmla="*/ 0 w 12192000"/>
              <a:gd name="connsiteY4" fmla="*/ 0 h 6857999"/>
              <a:gd name="connsiteX0" fmla="*/ 0 w 12192000"/>
              <a:gd name="connsiteY0" fmla="*/ 695 h 6858694"/>
              <a:gd name="connsiteX1" fmla="*/ 166607 w 12192000"/>
              <a:gd name="connsiteY1" fmla="*/ 0 h 6858694"/>
              <a:gd name="connsiteX2" fmla="*/ 12192000 w 12192000"/>
              <a:gd name="connsiteY2" fmla="*/ 695 h 6858694"/>
              <a:gd name="connsiteX3" fmla="*/ 12192000 w 12192000"/>
              <a:gd name="connsiteY3" fmla="*/ 6858694 h 6858694"/>
              <a:gd name="connsiteX4" fmla="*/ 0 w 12192000"/>
              <a:gd name="connsiteY4" fmla="*/ 6858694 h 6858694"/>
              <a:gd name="connsiteX5" fmla="*/ 0 w 12192000"/>
              <a:gd name="connsiteY5" fmla="*/ 695 h 6858694"/>
              <a:gd name="connsiteX0" fmla="*/ 1875 w 12193875"/>
              <a:gd name="connsiteY0" fmla="*/ 695 h 6858694"/>
              <a:gd name="connsiteX1" fmla="*/ 168482 w 12193875"/>
              <a:gd name="connsiteY1" fmla="*/ 0 h 6858694"/>
              <a:gd name="connsiteX2" fmla="*/ 12193875 w 12193875"/>
              <a:gd name="connsiteY2" fmla="*/ 695 h 6858694"/>
              <a:gd name="connsiteX3" fmla="*/ 12193875 w 12193875"/>
              <a:gd name="connsiteY3" fmla="*/ 6858694 h 6858694"/>
              <a:gd name="connsiteX4" fmla="*/ 1875 w 12193875"/>
              <a:gd name="connsiteY4" fmla="*/ 6858694 h 6858694"/>
              <a:gd name="connsiteX5" fmla="*/ 0 w 12193875"/>
              <a:gd name="connsiteY5" fmla="*/ 3260344 h 6858694"/>
              <a:gd name="connsiteX6" fmla="*/ 1875 w 12193875"/>
              <a:gd name="connsiteY6" fmla="*/ 695 h 6858694"/>
              <a:gd name="connsiteX0" fmla="*/ 0 w 12193875"/>
              <a:gd name="connsiteY0" fmla="*/ 3260344 h 6858694"/>
              <a:gd name="connsiteX1" fmla="*/ 168482 w 12193875"/>
              <a:gd name="connsiteY1" fmla="*/ 0 h 6858694"/>
              <a:gd name="connsiteX2" fmla="*/ 12193875 w 12193875"/>
              <a:gd name="connsiteY2" fmla="*/ 695 h 6858694"/>
              <a:gd name="connsiteX3" fmla="*/ 12193875 w 12193875"/>
              <a:gd name="connsiteY3" fmla="*/ 6858694 h 6858694"/>
              <a:gd name="connsiteX4" fmla="*/ 1875 w 12193875"/>
              <a:gd name="connsiteY4" fmla="*/ 6858694 h 6858694"/>
              <a:gd name="connsiteX5" fmla="*/ 0 w 12193875"/>
              <a:gd name="connsiteY5" fmla="*/ 3260344 h 6858694"/>
              <a:gd name="connsiteX0" fmla="*/ 518 w 12194393"/>
              <a:gd name="connsiteY0" fmla="*/ 3260344 h 6858694"/>
              <a:gd name="connsiteX1" fmla="*/ 169000 w 12194393"/>
              <a:gd name="connsiteY1" fmla="*/ 0 h 6858694"/>
              <a:gd name="connsiteX2" fmla="*/ 12194393 w 12194393"/>
              <a:gd name="connsiteY2" fmla="*/ 695 h 6858694"/>
              <a:gd name="connsiteX3" fmla="*/ 12194393 w 12194393"/>
              <a:gd name="connsiteY3" fmla="*/ 6858694 h 6858694"/>
              <a:gd name="connsiteX4" fmla="*/ 2393 w 12194393"/>
              <a:gd name="connsiteY4" fmla="*/ 6858694 h 6858694"/>
              <a:gd name="connsiteX5" fmla="*/ 0 w 12194393"/>
              <a:gd name="connsiteY5" fmla="*/ 6546182 h 6858694"/>
              <a:gd name="connsiteX6" fmla="*/ 518 w 12194393"/>
              <a:gd name="connsiteY6" fmla="*/ 3260344 h 6858694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5937708 w 12194393"/>
              <a:gd name="connsiteY4" fmla="*/ 6859749 h 6859749"/>
              <a:gd name="connsiteX5" fmla="*/ 2393 w 12194393"/>
              <a:gd name="connsiteY5" fmla="*/ 6858694 h 6859749"/>
              <a:gd name="connsiteX6" fmla="*/ 0 w 12194393"/>
              <a:gd name="connsiteY6" fmla="*/ 6546182 h 6859749"/>
              <a:gd name="connsiteX7" fmla="*/ 518 w 12194393"/>
              <a:gd name="connsiteY7" fmla="*/ 3260344 h 6859749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5937708 w 12194393"/>
              <a:gd name="connsiteY4" fmla="*/ 6859749 h 6859749"/>
              <a:gd name="connsiteX5" fmla="*/ 0 w 12194393"/>
              <a:gd name="connsiteY5" fmla="*/ 6546182 h 6859749"/>
              <a:gd name="connsiteX6" fmla="*/ 518 w 12194393"/>
              <a:gd name="connsiteY6" fmla="*/ 3260344 h 6859749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12028035 w 12194393"/>
              <a:gd name="connsiteY4" fmla="*/ 6854636 h 6859749"/>
              <a:gd name="connsiteX5" fmla="*/ 5937708 w 12194393"/>
              <a:gd name="connsiteY5" fmla="*/ 6859749 h 6859749"/>
              <a:gd name="connsiteX6" fmla="*/ 0 w 12194393"/>
              <a:gd name="connsiteY6" fmla="*/ 6546182 h 6859749"/>
              <a:gd name="connsiteX7" fmla="*/ 518 w 12194393"/>
              <a:gd name="connsiteY7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7276 w 12197276"/>
              <a:gd name="connsiteY3" fmla="*/ 3625329 h 6859749"/>
              <a:gd name="connsiteX4" fmla="*/ 12194393 w 12197276"/>
              <a:gd name="connsiteY4" fmla="*/ 6858694 h 6859749"/>
              <a:gd name="connsiteX5" fmla="*/ 12028035 w 12197276"/>
              <a:gd name="connsiteY5" fmla="*/ 6854636 h 6859749"/>
              <a:gd name="connsiteX6" fmla="*/ 5937708 w 12197276"/>
              <a:gd name="connsiteY6" fmla="*/ 6859749 h 6859749"/>
              <a:gd name="connsiteX7" fmla="*/ 0 w 12197276"/>
              <a:gd name="connsiteY7" fmla="*/ 6546182 h 6859749"/>
              <a:gd name="connsiteX8" fmla="*/ 518 w 12197276"/>
              <a:gd name="connsiteY8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7276 w 12197276"/>
              <a:gd name="connsiteY3" fmla="*/ 3625329 h 6859749"/>
              <a:gd name="connsiteX4" fmla="*/ 12028035 w 12197276"/>
              <a:gd name="connsiteY4" fmla="*/ 6854636 h 6859749"/>
              <a:gd name="connsiteX5" fmla="*/ 5937708 w 12197276"/>
              <a:gd name="connsiteY5" fmla="*/ 6859749 h 6859749"/>
              <a:gd name="connsiteX6" fmla="*/ 0 w 12197276"/>
              <a:gd name="connsiteY6" fmla="*/ 6546182 h 6859749"/>
              <a:gd name="connsiteX7" fmla="*/ 518 w 12197276"/>
              <a:gd name="connsiteY7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2279 w 12197276"/>
              <a:gd name="connsiteY3" fmla="*/ 308202 h 6859749"/>
              <a:gd name="connsiteX4" fmla="*/ 12197276 w 12197276"/>
              <a:gd name="connsiteY4" fmla="*/ 3625329 h 6859749"/>
              <a:gd name="connsiteX5" fmla="*/ 12028035 w 12197276"/>
              <a:gd name="connsiteY5" fmla="*/ 6854636 h 6859749"/>
              <a:gd name="connsiteX6" fmla="*/ 5937708 w 12197276"/>
              <a:gd name="connsiteY6" fmla="*/ 6859749 h 6859749"/>
              <a:gd name="connsiteX7" fmla="*/ 0 w 12197276"/>
              <a:gd name="connsiteY7" fmla="*/ 6546182 h 6859749"/>
              <a:gd name="connsiteX8" fmla="*/ 518 w 12197276"/>
              <a:gd name="connsiteY8" fmla="*/ 3260344 h 6859749"/>
              <a:gd name="connsiteX0" fmla="*/ 518 w 12197276"/>
              <a:gd name="connsiteY0" fmla="*/ 3262822 h 6862227"/>
              <a:gd name="connsiteX1" fmla="*/ 169000 w 12197276"/>
              <a:gd name="connsiteY1" fmla="*/ 2478 h 6862227"/>
              <a:gd name="connsiteX2" fmla="*/ 6218652 w 12197276"/>
              <a:gd name="connsiteY2" fmla="*/ 0 h 6862227"/>
              <a:gd name="connsiteX3" fmla="*/ 12194393 w 12197276"/>
              <a:gd name="connsiteY3" fmla="*/ 3173 h 6862227"/>
              <a:gd name="connsiteX4" fmla="*/ 12192279 w 12197276"/>
              <a:gd name="connsiteY4" fmla="*/ 310680 h 6862227"/>
              <a:gd name="connsiteX5" fmla="*/ 12197276 w 12197276"/>
              <a:gd name="connsiteY5" fmla="*/ 3627807 h 6862227"/>
              <a:gd name="connsiteX6" fmla="*/ 12028035 w 12197276"/>
              <a:gd name="connsiteY6" fmla="*/ 6857114 h 6862227"/>
              <a:gd name="connsiteX7" fmla="*/ 5937708 w 12197276"/>
              <a:gd name="connsiteY7" fmla="*/ 6862227 h 6862227"/>
              <a:gd name="connsiteX8" fmla="*/ 0 w 12197276"/>
              <a:gd name="connsiteY8" fmla="*/ 6548660 h 6862227"/>
              <a:gd name="connsiteX9" fmla="*/ 518 w 12197276"/>
              <a:gd name="connsiteY9" fmla="*/ 3262822 h 6862227"/>
              <a:gd name="connsiteX0" fmla="*/ 518 w 12197276"/>
              <a:gd name="connsiteY0" fmla="*/ 3262822 h 6862227"/>
              <a:gd name="connsiteX1" fmla="*/ 169000 w 12197276"/>
              <a:gd name="connsiteY1" fmla="*/ 2478 h 6862227"/>
              <a:gd name="connsiteX2" fmla="*/ 6218652 w 12197276"/>
              <a:gd name="connsiteY2" fmla="*/ 0 h 6862227"/>
              <a:gd name="connsiteX3" fmla="*/ 12192279 w 12197276"/>
              <a:gd name="connsiteY3" fmla="*/ 310680 h 6862227"/>
              <a:gd name="connsiteX4" fmla="*/ 12197276 w 12197276"/>
              <a:gd name="connsiteY4" fmla="*/ 3627807 h 6862227"/>
              <a:gd name="connsiteX5" fmla="*/ 12028035 w 12197276"/>
              <a:gd name="connsiteY5" fmla="*/ 6857114 h 6862227"/>
              <a:gd name="connsiteX6" fmla="*/ 5937708 w 12197276"/>
              <a:gd name="connsiteY6" fmla="*/ 6862227 h 6862227"/>
              <a:gd name="connsiteX7" fmla="*/ 0 w 12197276"/>
              <a:gd name="connsiteY7" fmla="*/ 6548660 h 6862227"/>
              <a:gd name="connsiteX8" fmla="*/ 518 w 12197276"/>
              <a:gd name="connsiteY8" fmla="*/ 3262822 h 68622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197276" h="6862227">
                <a:moveTo>
                  <a:pt x="518" y="3262822"/>
                </a:moveTo>
                <a:lnTo>
                  <a:pt x="169000" y="2478"/>
                </a:lnTo>
                <a:lnTo>
                  <a:pt x="6218652" y="0"/>
                </a:lnTo>
                <a:lnTo>
                  <a:pt x="12192279" y="310680"/>
                </a:lnTo>
                <a:cubicBezTo>
                  <a:pt x="12193945" y="1416389"/>
                  <a:pt x="12195610" y="2522098"/>
                  <a:pt x="12197276" y="3627807"/>
                </a:cubicBezTo>
                <a:lnTo>
                  <a:pt x="12028035" y="6857114"/>
                </a:lnTo>
                <a:lnTo>
                  <a:pt x="5937708" y="6862227"/>
                </a:lnTo>
                <a:lnTo>
                  <a:pt x="0" y="6548660"/>
                </a:lnTo>
                <a:cubicBezTo>
                  <a:pt x="173" y="5453381"/>
                  <a:pt x="345" y="4358101"/>
                  <a:pt x="518" y="3262822"/>
                </a:cubicBezTo>
                <a:close/>
              </a:path>
            </a:pathLst>
          </a:custGeom>
          <a:solidFill>
            <a:srgbClr val="D9D9D9"/>
          </a:solidFill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686259C4-3839-48E3-B78B-BB2623FA8D2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0"/>
            <a:ext cx="1501200" cy="10440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pic>
        <p:nvPicPr>
          <p:cNvPr id="17" name="Graphic 16">
            <a:extLst>
              <a:ext uri="{FF2B5EF4-FFF2-40B4-BE49-F238E27FC236}">
                <a16:creationId xmlns:a16="http://schemas.microsoft.com/office/drawing/2014/main" id="{AFF4F3A7-D0E7-4F4C-9813-1154A5747B8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hq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381174" y="5307806"/>
            <a:ext cx="1421837" cy="1043149"/>
          </a:xfrm>
          <a:prstGeom prst="rect">
            <a:avLst/>
          </a:prstGeom>
        </p:spPr>
      </p:pic>
      <p:sp>
        <p:nvSpPr>
          <p:cNvPr id="19" name="Text Placeholder 14">
            <a:extLst>
              <a:ext uri="{FF2B5EF4-FFF2-40B4-BE49-F238E27FC236}">
                <a16:creationId xmlns:a16="http://schemas.microsoft.com/office/drawing/2014/main" id="{82DF12C5-15BB-4C57-B62C-D33DABB1EA3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381011" y="5306955"/>
            <a:ext cx="1422000" cy="1044000"/>
          </a:xfrm>
          <a:blipFill>
            <a:blip r:embed="rId6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B9E66B35-1D24-457B-804D-4B818BA07C2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58813" y="4017351"/>
            <a:ext cx="8244000" cy="1581664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100" cap="all" baseline="0">
                <a:solidFill>
                  <a:schemeClr val="bg1"/>
                </a:solidFill>
              </a:defRPr>
            </a:lvl1pPr>
          </a:lstStyle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br>
              <a:rPr lang="en-US"/>
            </a:br>
            <a:r>
              <a:rPr lang="en-US" err="1"/>
              <a:t>forsid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21" name="Subtitle 2">
            <a:extLst>
              <a:ext uri="{FF2B5EF4-FFF2-40B4-BE49-F238E27FC236}">
                <a16:creationId xmlns:a16="http://schemas.microsoft.com/office/drawing/2014/main" id="{81CF1C3E-0997-472F-8448-D55D0A9F923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3" y="5686425"/>
            <a:ext cx="4837112" cy="622300"/>
          </a:xfrm>
        </p:spPr>
        <p:txBody>
          <a:bodyPr anchor="b" anchorCtr="0"/>
          <a:lstStyle>
            <a:lvl1pPr marL="0" indent="0" algn="l"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tekst</a:t>
            </a:r>
          </a:p>
        </p:txBody>
      </p:sp>
    </p:spTree>
    <p:extLst>
      <p:ext uri="{BB962C8B-B14F-4D97-AF65-F5344CB8AC3E}">
        <p14:creationId xmlns:p14="http://schemas.microsoft.com/office/powerpoint/2010/main" val="33489389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" userDrawn="1">
          <p15:clr>
            <a:srgbClr val="A4A3A4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 på farvet boks og en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95D05DAB-B88F-543E-C930-034B30B9E72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0" y="1"/>
            <a:ext cx="3969490" cy="6858000"/>
          </a:xfrm>
          <a:solidFill>
            <a:schemeClr val="accent1"/>
          </a:solid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35933" y="441326"/>
            <a:ext cx="7416799" cy="1152988"/>
          </a:xfrm>
        </p:spPr>
        <p:txBody>
          <a:bodyPr/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A19B23-8D94-4C07-BD0B-ACE2E138BE3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342375" y="1825625"/>
            <a:ext cx="7413154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‹nr.›</a:t>
            </a:fld>
            <a:endParaRPr lang="en-GB"/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3E673D3D-CF67-1AF2-88AA-AB874638CD9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36471" y="2453267"/>
            <a:ext cx="3083666" cy="3855457"/>
          </a:xfrm>
        </p:spPr>
        <p:txBody>
          <a:bodyPr/>
          <a:lstStyle>
            <a:lvl1pPr marL="0" indent="0" algn="ctr">
              <a:buFontTx/>
              <a:buNone/>
              <a:defRPr>
                <a:solidFill>
                  <a:schemeClr val="bg1"/>
                </a:solidFill>
                <a:latin typeface="+mj-lt"/>
              </a:defRPr>
            </a:lvl1pPr>
            <a:lvl2pPr marL="144000" indent="0" algn="ctr">
              <a:buFontTx/>
              <a:buNone/>
              <a:defRPr>
                <a:solidFill>
                  <a:schemeClr val="bg1"/>
                </a:solidFill>
                <a:latin typeface="+mj-lt"/>
              </a:defRPr>
            </a:lvl2pPr>
            <a:lvl3pPr marL="288000" indent="0" algn="ctr">
              <a:buFontTx/>
              <a:buNone/>
              <a:defRPr>
                <a:solidFill>
                  <a:schemeClr val="bg1"/>
                </a:solidFill>
                <a:latin typeface="+mj-lt"/>
              </a:defRPr>
            </a:lvl3pPr>
            <a:lvl4pPr marL="432000" indent="0" algn="ctr">
              <a:buFontTx/>
              <a:buNone/>
              <a:defRPr>
                <a:solidFill>
                  <a:schemeClr val="bg1"/>
                </a:solidFill>
                <a:latin typeface="+mj-lt"/>
              </a:defRPr>
            </a:lvl4pPr>
            <a:lvl5pPr marL="576000" indent="0" algn="ctr">
              <a:buFontTx/>
              <a:buNone/>
              <a:defRPr>
                <a:solidFill>
                  <a:schemeClr val="bg1"/>
                </a:solidFill>
                <a:latin typeface="+mj-lt"/>
              </a:defRPr>
            </a:lvl5pPr>
          </a:lstStyle>
          <a:p>
            <a:pPr lvl="0"/>
            <a:r>
              <a:rPr lang="da-DK"/>
              <a:t>Klik for at redigere citat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95DA3B26-9D31-A1B3-7C40-331FF78CC4B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1792" y="6553827"/>
            <a:ext cx="486000" cy="75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19" name="Text Placeholder 7">
            <a:extLst>
              <a:ext uri="{FF2B5EF4-FFF2-40B4-BE49-F238E27FC236}">
                <a16:creationId xmlns:a16="http://schemas.microsoft.com/office/drawing/2014/main" id="{27ADB23C-9129-8D3B-EC8D-A99F73718B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42375" y="6211893"/>
            <a:ext cx="7416000" cy="126000"/>
          </a:xfrm>
        </p:spPr>
        <p:txBody>
          <a:bodyPr anchor="b" anchorCtr="0"/>
          <a:lstStyle>
            <a:lvl1pPr marL="0" indent="0">
              <a:buNone/>
              <a:defRPr sz="7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/>
            <a:r>
              <a:rPr lang="en-US" err="1"/>
              <a:t>Indsæt</a:t>
            </a:r>
            <a:r>
              <a:rPr lang="en-US"/>
              <a:t> Note:</a:t>
            </a:r>
            <a:endParaRPr lang="en-GB"/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2CC6346B-0620-33F4-E907-A42B19E1FA6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753304" y="1210563"/>
            <a:ext cx="450000" cy="597600"/>
          </a:xfrm>
          <a:blipFill>
            <a:blip r:embed="rId3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 algn="ctr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145110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368" userDrawn="1">
          <p15:clr>
            <a:srgbClr val="A4A3A4"/>
          </p15:clr>
        </p15:guide>
        <p15:guide id="6" orient="horz" pos="1139" userDrawn="1">
          <p15:clr>
            <a:srgbClr val="A4A3A4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 på bille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>
            <a:extLst>
              <a:ext uri="{FF2B5EF4-FFF2-40B4-BE49-F238E27FC236}">
                <a16:creationId xmlns:a16="http://schemas.microsoft.com/office/drawing/2014/main" id="{D6A4ABB3-76E6-3899-CF96-955B8445769D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6858000"/>
          </a:xfrm>
          <a:solidFill>
            <a:schemeClr val="bg1">
              <a:lumMod val="85000"/>
            </a:schemeClr>
          </a:solidFill>
        </p:spPr>
        <p:txBody>
          <a:bodyPr tIns="72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663E8A9D-8E98-FB9A-4FBA-61B5A7A2B85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871000" y="851075"/>
            <a:ext cx="450000" cy="597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23C0BB7-6BAB-41B9-B847-BE177CEDBC97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BE5A7907-CE17-543D-9CC2-1058019361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097756" y="6522575"/>
            <a:ext cx="4114800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295EF752-011A-C643-4CDE-CF7926D8BD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009776" y="1808163"/>
            <a:ext cx="8029574" cy="4500562"/>
          </a:xfrm>
        </p:spPr>
        <p:txBody>
          <a:bodyPr/>
          <a:lstStyle>
            <a:lvl1pPr marL="0" indent="0" algn="ctr">
              <a:buFontTx/>
              <a:buNone/>
              <a:defRPr sz="3300">
                <a:solidFill>
                  <a:schemeClr val="bg1"/>
                </a:solidFill>
                <a:latin typeface="+mj-lt"/>
              </a:defRPr>
            </a:lvl1pPr>
            <a:lvl2pPr marL="144000" indent="0" algn="ctr">
              <a:buFontTx/>
              <a:buNone/>
              <a:defRPr>
                <a:solidFill>
                  <a:schemeClr val="bg1"/>
                </a:solidFill>
              </a:defRPr>
            </a:lvl2pPr>
            <a:lvl3pPr marL="288000" indent="0" algn="ctr">
              <a:buFontTx/>
              <a:buNone/>
              <a:defRPr>
                <a:solidFill>
                  <a:schemeClr val="bg1"/>
                </a:solidFill>
              </a:defRPr>
            </a:lvl3pPr>
            <a:lvl4pPr marL="432000" indent="0" algn="ctr">
              <a:buFontTx/>
              <a:buNone/>
              <a:defRPr>
                <a:solidFill>
                  <a:schemeClr val="bg1"/>
                </a:solidFill>
              </a:defRPr>
            </a:lvl4pPr>
            <a:lvl5pPr marL="576000" indent="0" algn="ctr">
              <a:buFontTx/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citat</a:t>
            </a:r>
            <a:endParaRPr lang="en-US"/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6332AA9C-F67D-B661-C699-F7C2F41A43D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1792" y="6553827"/>
            <a:ext cx="486000" cy="75600"/>
          </a:xfrm>
          <a:blipFill>
            <a:blip r:embed="rId4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9141EF39-C691-78DF-AF86-15581B472DD7}"/>
              </a:ext>
            </a:extLst>
          </p:cNvPr>
          <p:cNvSpPr txBox="1"/>
          <p:nvPr userDrawn="1"/>
        </p:nvSpPr>
        <p:spPr>
          <a:xfrm>
            <a:off x="4332287" y="-781533"/>
            <a:ext cx="3527425" cy="601789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indent="0" algn="ctr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err="1">
                <a:solidFill>
                  <a:schemeClr val="accent2"/>
                </a:solidFill>
              </a:rPr>
              <a:t>Indsæ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billed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ved</a:t>
            </a:r>
            <a:r>
              <a:rPr lang="en-US" sz="1000">
                <a:solidFill>
                  <a:schemeClr val="accent2"/>
                </a:solidFill>
              </a:rPr>
              <a:t> at </a:t>
            </a:r>
            <a:r>
              <a:rPr lang="en-US" sz="1000" err="1">
                <a:solidFill>
                  <a:schemeClr val="accent2"/>
                </a:solidFill>
              </a:rPr>
              <a:t>klikk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på</a:t>
            </a:r>
            <a:r>
              <a:rPr lang="en-US" sz="1000">
                <a:solidFill>
                  <a:schemeClr val="accent2"/>
                </a:solidFill>
              </a:rPr>
              <a:t> det </a:t>
            </a:r>
            <a:r>
              <a:rPr lang="en-US" sz="1000" err="1">
                <a:solidFill>
                  <a:schemeClr val="accent2"/>
                </a:solidFill>
              </a:rPr>
              <a:t>grå</a:t>
            </a:r>
            <a:r>
              <a:rPr lang="en-US" sz="1000">
                <a:solidFill>
                  <a:schemeClr val="accent2"/>
                </a:solidFill>
              </a:rPr>
              <a:t> felt, </a:t>
            </a:r>
            <a:r>
              <a:rPr lang="en-US" sz="1000" err="1">
                <a:solidFill>
                  <a:schemeClr val="accent2"/>
                </a:solidFill>
              </a:rPr>
              <a:t>ikk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knappen</a:t>
            </a:r>
            <a:r>
              <a:rPr lang="en-US" sz="1000">
                <a:solidFill>
                  <a:schemeClr val="accent2"/>
                </a:solidFill>
              </a:rPr>
              <a:t> i </a:t>
            </a:r>
            <a:r>
              <a:rPr lang="en-US" sz="1000" err="1">
                <a:solidFill>
                  <a:schemeClr val="accent2"/>
                </a:solidFill>
              </a:rPr>
              <a:t>midt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af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sliden</a:t>
            </a:r>
            <a:r>
              <a:rPr lang="en-US" sz="1000">
                <a:solidFill>
                  <a:schemeClr val="accent2"/>
                </a:solidFill>
              </a:rPr>
              <a:t>. </a:t>
            </a:r>
            <a:br>
              <a:rPr lang="en-US" sz="1000">
                <a:solidFill>
                  <a:schemeClr val="accent2"/>
                </a:solidFill>
              </a:rPr>
            </a:br>
            <a:r>
              <a:rPr lang="en-US" sz="1000" err="1">
                <a:solidFill>
                  <a:schemeClr val="accent2"/>
                </a:solidFill>
              </a:rPr>
              <a:t>Når</a:t>
            </a:r>
            <a:r>
              <a:rPr lang="en-US" sz="1000">
                <a:solidFill>
                  <a:schemeClr val="accent2"/>
                </a:solidFill>
              </a:rPr>
              <a:t> du </a:t>
            </a:r>
            <a:r>
              <a:rPr lang="en-US" sz="1000" err="1">
                <a:solidFill>
                  <a:schemeClr val="accent2"/>
                </a:solidFill>
              </a:rPr>
              <a:t>har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markeret</a:t>
            </a:r>
            <a:r>
              <a:rPr lang="en-US" sz="1000">
                <a:solidFill>
                  <a:schemeClr val="accent2"/>
                </a:solidFill>
              </a:rPr>
              <a:t> det </a:t>
            </a:r>
            <a:r>
              <a:rPr lang="en-US" sz="1000" err="1">
                <a:solidFill>
                  <a:schemeClr val="accent2"/>
                </a:solidFill>
              </a:rPr>
              <a:t>grå</a:t>
            </a:r>
            <a:r>
              <a:rPr lang="en-US" sz="1000">
                <a:solidFill>
                  <a:schemeClr val="accent2"/>
                </a:solidFill>
              </a:rPr>
              <a:t> felt, </a:t>
            </a:r>
            <a:r>
              <a:rPr lang="en-US" sz="1000" err="1">
                <a:solidFill>
                  <a:schemeClr val="accent2"/>
                </a:solidFill>
              </a:rPr>
              <a:t>vælger</a:t>
            </a:r>
            <a:r>
              <a:rPr lang="en-US" sz="1000">
                <a:solidFill>
                  <a:schemeClr val="accent2"/>
                </a:solidFill>
              </a:rPr>
              <a:t> du ‘</a:t>
            </a:r>
            <a:r>
              <a:rPr lang="en-US" sz="1000" err="1">
                <a:solidFill>
                  <a:schemeClr val="accent2"/>
                </a:solidFill>
              </a:rPr>
              <a:t>Indsæt</a:t>
            </a:r>
            <a:r>
              <a:rPr lang="en-US" sz="1000">
                <a:solidFill>
                  <a:schemeClr val="accent2"/>
                </a:solidFill>
              </a:rPr>
              <a:t>’ I </a:t>
            </a:r>
            <a:r>
              <a:rPr lang="en-US" sz="1000" err="1">
                <a:solidFill>
                  <a:schemeClr val="accent2"/>
                </a:solidFill>
              </a:rPr>
              <a:t>menu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øvers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g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dernæst</a:t>
            </a:r>
            <a:r>
              <a:rPr lang="en-US" sz="1000">
                <a:solidFill>
                  <a:schemeClr val="accent2"/>
                </a:solidFill>
              </a:rPr>
              <a:t> ‘</a:t>
            </a:r>
            <a:r>
              <a:rPr lang="en-US" sz="1000" err="1">
                <a:solidFill>
                  <a:schemeClr val="accent2"/>
                </a:solidFill>
              </a:rPr>
              <a:t>Billeder</a:t>
            </a:r>
            <a:r>
              <a:rPr lang="en-US" sz="1000">
                <a:solidFill>
                  <a:schemeClr val="accent2"/>
                </a:solidFill>
              </a:rPr>
              <a:t>’</a:t>
            </a:r>
          </a:p>
        </p:txBody>
      </p:sp>
    </p:spTree>
    <p:extLst>
      <p:ext uri="{BB962C8B-B14F-4D97-AF65-F5344CB8AC3E}">
        <p14:creationId xmlns:p14="http://schemas.microsoft.com/office/powerpoint/2010/main" val="4885814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itat på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663E8A9D-8E98-FB9A-4FBA-61B5A7A2B85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871000" y="851075"/>
            <a:ext cx="450000" cy="597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23C0BB7-6BAB-41B9-B847-BE177CEDBC97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BE5A7907-CE17-543D-9CC2-1058019361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097756" y="6522575"/>
            <a:ext cx="4114800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FEE36BBC-0331-0D4C-6CD8-2DF15482735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1792" y="6553827"/>
            <a:ext cx="486000" cy="75600"/>
          </a:xfrm>
          <a:blipFill>
            <a:blip r:embed="rId4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295EF752-011A-C643-4CDE-CF7926D8BD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009776" y="1808163"/>
            <a:ext cx="8029574" cy="4500562"/>
          </a:xfrm>
        </p:spPr>
        <p:txBody>
          <a:bodyPr/>
          <a:lstStyle>
            <a:lvl1pPr marL="0" indent="0" algn="ctr">
              <a:buFontTx/>
              <a:buNone/>
              <a:defRPr sz="3300">
                <a:solidFill>
                  <a:schemeClr val="bg1"/>
                </a:solidFill>
                <a:latin typeface="+mj-lt"/>
              </a:defRPr>
            </a:lvl1pPr>
            <a:lvl2pPr marL="144000" indent="0" algn="ctr">
              <a:buFontTx/>
              <a:buNone/>
              <a:defRPr>
                <a:solidFill>
                  <a:schemeClr val="bg1"/>
                </a:solidFill>
              </a:defRPr>
            </a:lvl2pPr>
            <a:lvl3pPr marL="288000" indent="0" algn="ctr">
              <a:buFontTx/>
              <a:buNone/>
              <a:defRPr>
                <a:solidFill>
                  <a:schemeClr val="bg1"/>
                </a:solidFill>
              </a:defRPr>
            </a:lvl3pPr>
            <a:lvl4pPr marL="432000" indent="0" algn="ctr">
              <a:buFontTx/>
              <a:buNone/>
              <a:defRPr>
                <a:solidFill>
                  <a:schemeClr val="bg1"/>
                </a:solidFill>
              </a:defRPr>
            </a:lvl4pPr>
            <a:lvl5pPr marL="576000" indent="0" algn="ctr">
              <a:buFontTx/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citat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714284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screen-billede med 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1">
            <a:extLst>
              <a:ext uri="{FF2B5EF4-FFF2-40B4-BE49-F238E27FC236}">
                <a16:creationId xmlns:a16="http://schemas.microsoft.com/office/drawing/2014/main" id="{7D641BBC-913A-4539-9B6C-0F98DE02D2A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solidFill>
            <a:schemeClr val="bg1">
              <a:lumMod val="85000"/>
            </a:schemeClr>
          </a:solidFill>
        </p:spPr>
        <p:txBody>
          <a:bodyPr tIns="72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75CB25D-2E27-4AA6-8650-6E2C41B36E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4" name="Date Placeholder 4">
            <a:extLst>
              <a:ext uri="{FF2B5EF4-FFF2-40B4-BE49-F238E27FC236}">
                <a16:creationId xmlns:a16="http://schemas.microsoft.com/office/drawing/2014/main" id="{35BBD5C5-260E-A018-2729-7AB86E9ADE9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556812" y="6522575"/>
            <a:ext cx="2743200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5" name="Slide Number Placeholder 6">
            <a:extLst>
              <a:ext uri="{FF2B5EF4-FFF2-40B4-BE49-F238E27FC236}">
                <a16:creationId xmlns:a16="http://schemas.microsoft.com/office/drawing/2014/main" id="{CC5598FB-2A2F-88FC-E6FD-4B3BBC147FD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89088" y="6522575"/>
            <a:ext cx="360000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23C0BB7-6BAB-41B9-B847-BE177CEDBC97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7" name="Footer Placeholder 5">
            <a:extLst>
              <a:ext uri="{FF2B5EF4-FFF2-40B4-BE49-F238E27FC236}">
                <a16:creationId xmlns:a16="http://schemas.microsoft.com/office/drawing/2014/main" id="{9AC80B95-6646-6233-5503-0C1FA81A49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097756" y="6522575"/>
            <a:ext cx="4114800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62D576A7-C7DD-D39D-97FD-D38EEC4F043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1792" y="6553827"/>
            <a:ext cx="486000" cy="75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170744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39" userDrawn="1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ku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Præsentations tit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‹nr.›</a:t>
            </a:fld>
            <a:endParaRPr lang="en-GB"/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9E2D6E58-B8D7-9355-F6AB-BA86E9F33DE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42913" y="6211893"/>
            <a:ext cx="11306175" cy="126000"/>
          </a:xfrm>
        </p:spPr>
        <p:txBody>
          <a:bodyPr anchor="b" anchorCtr="0"/>
          <a:lstStyle>
            <a:lvl1pPr marL="0" indent="0">
              <a:buNone/>
              <a:defRPr sz="7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/>
            <a:r>
              <a:rPr lang="en-US" err="1"/>
              <a:t>Indsæt</a:t>
            </a:r>
            <a:r>
              <a:rPr lang="en-US"/>
              <a:t> Note: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22566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Præsentations tit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111656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slide med billede – sk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1">
            <a:extLst>
              <a:ext uri="{FF2B5EF4-FFF2-40B4-BE49-F238E27FC236}">
                <a16:creationId xmlns:a16="http://schemas.microsoft.com/office/drawing/2014/main" id="{6E31057E-58BE-CB7C-9D4B-04AFE25C6224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 rot="-180000">
            <a:off x="-2448" y="-3184"/>
            <a:ext cx="12197276" cy="6862227"/>
          </a:xfrm>
          <a:custGeom>
            <a:avLst/>
            <a:gdLst>
              <a:gd name="connsiteX0" fmla="*/ 0 w 12192000"/>
              <a:gd name="connsiteY0" fmla="*/ 0 h 6857999"/>
              <a:gd name="connsiteX1" fmla="*/ 12192000 w 12192000"/>
              <a:gd name="connsiteY1" fmla="*/ 0 h 6857999"/>
              <a:gd name="connsiteX2" fmla="*/ 12192000 w 12192000"/>
              <a:gd name="connsiteY2" fmla="*/ 6857999 h 6857999"/>
              <a:gd name="connsiteX3" fmla="*/ 0 w 12192000"/>
              <a:gd name="connsiteY3" fmla="*/ 6857999 h 6857999"/>
              <a:gd name="connsiteX4" fmla="*/ 0 w 12192000"/>
              <a:gd name="connsiteY4" fmla="*/ 0 h 6857999"/>
              <a:gd name="connsiteX0" fmla="*/ 0 w 12192000"/>
              <a:gd name="connsiteY0" fmla="*/ 695 h 6858694"/>
              <a:gd name="connsiteX1" fmla="*/ 166607 w 12192000"/>
              <a:gd name="connsiteY1" fmla="*/ 0 h 6858694"/>
              <a:gd name="connsiteX2" fmla="*/ 12192000 w 12192000"/>
              <a:gd name="connsiteY2" fmla="*/ 695 h 6858694"/>
              <a:gd name="connsiteX3" fmla="*/ 12192000 w 12192000"/>
              <a:gd name="connsiteY3" fmla="*/ 6858694 h 6858694"/>
              <a:gd name="connsiteX4" fmla="*/ 0 w 12192000"/>
              <a:gd name="connsiteY4" fmla="*/ 6858694 h 6858694"/>
              <a:gd name="connsiteX5" fmla="*/ 0 w 12192000"/>
              <a:gd name="connsiteY5" fmla="*/ 695 h 6858694"/>
              <a:gd name="connsiteX0" fmla="*/ 1875 w 12193875"/>
              <a:gd name="connsiteY0" fmla="*/ 695 h 6858694"/>
              <a:gd name="connsiteX1" fmla="*/ 168482 w 12193875"/>
              <a:gd name="connsiteY1" fmla="*/ 0 h 6858694"/>
              <a:gd name="connsiteX2" fmla="*/ 12193875 w 12193875"/>
              <a:gd name="connsiteY2" fmla="*/ 695 h 6858694"/>
              <a:gd name="connsiteX3" fmla="*/ 12193875 w 12193875"/>
              <a:gd name="connsiteY3" fmla="*/ 6858694 h 6858694"/>
              <a:gd name="connsiteX4" fmla="*/ 1875 w 12193875"/>
              <a:gd name="connsiteY4" fmla="*/ 6858694 h 6858694"/>
              <a:gd name="connsiteX5" fmla="*/ 0 w 12193875"/>
              <a:gd name="connsiteY5" fmla="*/ 3260344 h 6858694"/>
              <a:gd name="connsiteX6" fmla="*/ 1875 w 12193875"/>
              <a:gd name="connsiteY6" fmla="*/ 695 h 6858694"/>
              <a:gd name="connsiteX0" fmla="*/ 0 w 12193875"/>
              <a:gd name="connsiteY0" fmla="*/ 3260344 h 6858694"/>
              <a:gd name="connsiteX1" fmla="*/ 168482 w 12193875"/>
              <a:gd name="connsiteY1" fmla="*/ 0 h 6858694"/>
              <a:gd name="connsiteX2" fmla="*/ 12193875 w 12193875"/>
              <a:gd name="connsiteY2" fmla="*/ 695 h 6858694"/>
              <a:gd name="connsiteX3" fmla="*/ 12193875 w 12193875"/>
              <a:gd name="connsiteY3" fmla="*/ 6858694 h 6858694"/>
              <a:gd name="connsiteX4" fmla="*/ 1875 w 12193875"/>
              <a:gd name="connsiteY4" fmla="*/ 6858694 h 6858694"/>
              <a:gd name="connsiteX5" fmla="*/ 0 w 12193875"/>
              <a:gd name="connsiteY5" fmla="*/ 3260344 h 6858694"/>
              <a:gd name="connsiteX0" fmla="*/ 518 w 12194393"/>
              <a:gd name="connsiteY0" fmla="*/ 3260344 h 6858694"/>
              <a:gd name="connsiteX1" fmla="*/ 169000 w 12194393"/>
              <a:gd name="connsiteY1" fmla="*/ 0 h 6858694"/>
              <a:gd name="connsiteX2" fmla="*/ 12194393 w 12194393"/>
              <a:gd name="connsiteY2" fmla="*/ 695 h 6858694"/>
              <a:gd name="connsiteX3" fmla="*/ 12194393 w 12194393"/>
              <a:gd name="connsiteY3" fmla="*/ 6858694 h 6858694"/>
              <a:gd name="connsiteX4" fmla="*/ 2393 w 12194393"/>
              <a:gd name="connsiteY4" fmla="*/ 6858694 h 6858694"/>
              <a:gd name="connsiteX5" fmla="*/ 0 w 12194393"/>
              <a:gd name="connsiteY5" fmla="*/ 6546182 h 6858694"/>
              <a:gd name="connsiteX6" fmla="*/ 518 w 12194393"/>
              <a:gd name="connsiteY6" fmla="*/ 3260344 h 6858694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5937708 w 12194393"/>
              <a:gd name="connsiteY4" fmla="*/ 6859749 h 6859749"/>
              <a:gd name="connsiteX5" fmla="*/ 2393 w 12194393"/>
              <a:gd name="connsiteY5" fmla="*/ 6858694 h 6859749"/>
              <a:gd name="connsiteX6" fmla="*/ 0 w 12194393"/>
              <a:gd name="connsiteY6" fmla="*/ 6546182 h 6859749"/>
              <a:gd name="connsiteX7" fmla="*/ 518 w 12194393"/>
              <a:gd name="connsiteY7" fmla="*/ 3260344 h 6859749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5937708 w 12194393"/>
              <a:gd name="connsiteY4" fmla="*/ 6859749 h 6859749"/>
              <a:gd name="connsiteX5" fmla="*/ 0 w 12194393"/>
              <a:gd name="connsiteY5" fmla="*/ 6546182 h 6859749"/>
              <a:gd name="connsiteX6" fmla="*/ 518 w 12194393"/>
              <a:gd name="connsiteY6" fmla="*/ 3260344 h 6859749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12028035 w 12194393"/>
              <a:gd name="connsiteY4" fmla="*/ 6854636 h 6859749"/>
              <a:gd name="connsiteX5" fmla="*/ 5937708 w 12194393"/>
              <a:gd name="connsiteY5" fmla="*/ 6859749 h 6859749"/>
              <a:gd name="connsiteX6" fmla="*/ 0 w 12194393"/>
              <a:gd name="connsiteY6" fmla="*/ 6546182 h 6859749"/>
              <a:gd name="connsiteX7" fmla="*/ 518 w 12194393"/>
              <a:gd name="connsiteY7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7276 w 12197276"/>
              <a:gd name="connsiteY3" fmla="*/ 3625329 h 6859749"/>
              <a:gd name="connsiteX4" fmla="*/ 12194393 w 12197276"/>
              <a:gd name="connsiteY4" fmla="*/ 6858694 h 6859749"/>
              <a:gd name="connsiteX5" fmla="*/ 12028035 w 12197276"/>
              <a:gd name="connsiteY5" fmla="*/ 6854636 h 6859749"/>
              <a:gd name="connsiteX6" fmla="*/ 5937708 w 12197276"/>
              <a:gd name="connsiteY6" fmla="*/ 6859749 h 6859749"/>
              <a:gd name="connsiteX7" fmla="*/ 0 w 12197276"/>
              <a:gd name="connsiteY7" fmla="*/ 6546182 h 6859749"/>
              <a:gd name="connsiteX8" fmla="*/ 518 w 12197276"/>
              <a:gd name="connsiteY8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7276 w 12197276"/>
              <a:gd name="connsiteY3" fmla="*/ 3625329 h 6859749"/>
              <a:gd name="connsiteX4" fmla="*/ 12028035 w 12197276"/>
              <a:gd name="connsiteY4" fmla="*/ 6854636 h 6859749"/>
              <a:gd name="connsiteX5" fmla="*/ 5937708 w 12197276"/>
              <a:gd name="connsiteY5" fmla="*/ 6859749 h 6859749"/>
              <a:gd name="connsiteX6" fmla="*/ 0 w 12197276"/>
              <a:gd name="connsiteY6" fmla="*/ 6546182 h 6859749"/>
              <a:gd name="connsiteX7" fmla="*/ 518 w 12197276"/>
              <a:gd name="connsiteY7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2279 w 12197276"/>
              <a:gd name="connsiteY3" fmla="*/ 308202 h 6859749"/>
              <a:gd name="connsiteX4" fmla="*/ 12197276 w 12197276"/>
              <a:gd name="connsiteY4" fmla="*/ 3625329 h 6859749"/>
              <a:gd name="connsiteX5" fmla="*/ 12028035 w 12197276"/>
              <a:gd name="connsiteY5" fmla="*/ 6854636 h 6859749"/>
              <a:gd name="connsiteX6" fmla="*/ 5937708 w 12197276"/>
              <a:gd name="connsiteY6" fmla="*/ 6859749 h 6859749"/>
              <a:gd name="connsiteX7" fmla="*/ 0 w 12197276"/>
              <a:gd name="connsiteY7" fmla="*/ 6546182 h 6859749"/>
              <a:gd name="connsiteX8" fmla="*/ 518 w 12197276"/>
              <a:gd name="connsiteY8" fmla="*/ 3260344 h 6859749"/>
              <a:gd name="connsiteX0" fmla="*/ 518 w 12197276"/>
              <a:gd name="connsiteY0" fmla="*/ 3262822 h 6862227"/>
              <a:gd name="connsiteX1" fmla="*/ 169000 w 12197276"/>
              <a:gd name="connsiteY1" fmla="*/ 2478 h 6862227"/>
              <a:gd name="connsiteX2" fmla="*/ 6218652 w 12197276"/>
              <a:gd name="connsiteY2" fmla="*/ 0 h 6862227"/>
              <a:gd name="connsiteX3" fmla="*/ 12194393 w 12197276"/>
              <a:gd name="connsiteY3" fmla="*/ 3173 h 6862227"/>
              <a:gd name="connsiteX4" fmla="*/ 12192279 w 12197276"/>
              <a:gd name="connsiteY4" fmla="*/ 310680 h 6862227"/>
              <a:gd name="connsiteX5" fmla="*/ 12197276 w 12197276"/>
              <a:gd name="connsiteY5" fmla="*/ 3627807 h 6862227"/>
              <a:gd name="connsiteX6" fmla="*/ 12028035 w 12197276"/>
              <a:gd name="connsiteY6" fmla="*/ 6857114 h 6862227"/>
              <a:gd name="connsiteX7" fmla="*/ 5937708 w 12197276"/>
              <a:gd name="connsiteY7" fmla="*/ 6862227 h 6862227"/>
              <a:gd name="connsiteX8" fmla="*/ 0 w 12197276"/>
              <a:gd name="connsiteY8" fmla="*/ 6548660 h 6862227"/>
              <a:gd name="connsiteX9" fmla="*/ 518 w 12197276"/>
              <a:gd name="connsiteY9" fmla="*/ 3262822 h 6862227"/>
              <a:gd name="connsiteX0" fmla="*/ 518 w 12197276"/>
              <a:gd name="connsiteY0" fmla="*/ 3262822 h 6862227"/>
              <a:gd name="connsiteX1" fmla="*/ 169000 w 12197276"/>
              <a:gd name="connsiteY1" fmla="*/ 2478 h 6862227"/>
              <a:gd name="connsiteX2" fmla="*/ 6218652 w 12197276"/>
              <a:gd name="connsiteY2" fmla="*/ 0 h 6862227"/>
              <a:gd name="connsiteX3" fmla="*/ 12192279 w 12197276"/>
              <a:gd name="connsiteY3" fmla="*/ 310680 h 6862227"/>
              <a:gd name="connsiteX4" fmla="*/ 12197276 w 12197276"/>
              <a:gd name="connsiteY4" fmla="*/ 3627807 h 6862227"/>
              <a:gd name="connsiteX5" fmla="*/ 12028035 w 12197276"/>
              <a:gd name="connsiteY5" fmla="*/ 6857114 h 6862227"/>
              <a:gd name="connsiteX6" fmla="*/ 5937708 w 12197276"/>
              <a:gd name="connsiteY6" fmla="*/ 6862227 h 6862227"/>
              <a:gd name="connsiteX7" fmla="*/ 0 w 12197276"/>
              <a:gd name="connsiteY7" fmla="*/ 6548660 h 6862227"/>
              <a:gd name="connsiteX8" fmla="*/ 518 w 12197276"/>
              <a:gd name="connsiteY8" fmla="*/ 3262822 h 68622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197276" h="6862227">
                <a:moveTo>
                  <a:pt x="518" y="3262822"/>
                </a:moveTo>
                <a:lnTo>
                  <a:pt x="169000" y="2478"/>
                </a:lnTo>
                <a:lnTo>
                  <a:pt x="6218652" y="0"/>
                </a:lnTo>
                <a:lnTo>
                  <a:pt x="12192279" y="310680"/>
                </a:lnTo>
                <a:cubicBezTo>
                  <a:pt x="12193945" y="1416389"/>
                  <a:pt x="12195610" y="2522098"/>
                  <a:pt x="12197276" y="3627807"/>
                </a:cubicBezTo>
                <a:lnTo>
                  <a:pt x="12028035" y="6857114"/>
                </a:lnTo>
                <a:lnTo>
                  <a:pt x="5937708" y="6862227"/>
                </a:lnTo>
                <a:lnTo>
                  <a:pt x="0" y="6548660"/>
                </a:lnTo>
                <a:cubicBezTo>
                  <a:pt x="173" y="5453381"/>
                  <a:pt x="345" y="4358101"/>
                  <a:pt x="518" y="3262822"/>
                </a:cubicBezTo>
                <a:close/>
              </a:path>
            </a:pathLst>
          </a:custGeom>
          <a:solidFill>
            <a:srgbClr val="D9D9D9"/>
          </a:solidFill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814642C-660A-4F02-A36E-FA7974323FB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807674" y="2440104"/>
            <a:ext cx="8244000" cy="1977793"/>
          </a:xfrm>
        </p:spPr>
        <p:txBody>
          <a:bodyPr anchor="ctr" anchorCtr="0"/>
          <a:lstStyle>
            <a:lvl1pPr algn="ctr">
              <a:lnSpc>
                <a:spcPct val="100000"/>
              </a:lnSpc>
              <a:defRPr sz="4100" cap="all" baseline="0">
                <a:solidFill>
                  <a:schemeClr val="bg1"/>
                </a:solidFill>
              </a:defRPr>
            </a:lvl1pPr>
          </a:lstStyle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br>
              <a:rPr lang="en-US"/>
            </a:br>
            <a:r>
              <a:rPr lang="en-US"/>
              <a:t>Break slide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C4786A4-E7ED-49F1-B1EE-E8276E2DE55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665721" y="4417897"/>
            <a:ext cx="4837112" cy="622300"/>
          </a:xfrm>
        </p:spPr>
        <p:txBody>
          <a:bodyPr anchor="t" anchorCtr="0"/>
          <a:lstStyle>
            <a:lvl1pPr marL="0" indent="0" algn="ctr">
              <a:spcBef>
                <a:spcPts val="1200"/>
              </a:spcBef>
              <a:buNone/>
              <a:defRPr sz="12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tekst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6D9AFBA-7B78-873F-46D4-8DB290C8EC3C}"/>
              </a:ext>
            </a:extLst>
          </p:cNvPr>
          <p:cNvSpPr txBox="1"/>
          <p:nvPr userDrawn="1"/>
        </p:nvSpPr>
        <p:spPr>
          <a:xfrm>
            <a:off x="4332287" y="-781533"/>
            <a:ext cx="3527425" cy="601789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indent="0" algn="ctr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err="1">
                <a:solidFill>
                  <a:schemeClr val="accent2"/>
                </a:solidFill>
              </a:rPr>
              <a:t>Indsæt</a:t>
            </a:r>
            <a:r>
              <a:rPr lang="en-US" sz="1000">
                <a:solidFill>
                  <a:schemeClr val="accent2"/>
                </a:solidFill>
              </a:rPr>
              <a:t> billed </a:t>
            </a:r>
            <a:r>
              <a:rPr lang="en-US" sz="1000" err="1">
                <a:solidFill>
                  <a:schemeClr val="accent2"/>
                </a:solidFill>
              </a:rPr>
              <a:t>ved</a:t>
            </a:r>
            <a:r>
              <a:rPr lang="en-US" sz="1000">
                <a:solidFill>
                  <a:schemeClr val="accent2"/>
                </a:solidFill>
              </a:rPr>
              <a:t> at </a:t>
            </a:r>
            <a:r>
              <a:rPr lang="en-US" sz="1000" err="1">
                <a:solidFill>
                  <a:schemeClr val="accent2"/>
                </a:solidFill>
              </a:rPr>
              <a:t>klikk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på</a:t>
            </a:r>
            <a:r>
              <a:rPr lang="en-US" sz="1000">
                <a:solidFill>
                  <a:schemeClr val="accent2"/>
                </a:solidFill>
              </a:rPr>
              <a:t> det </a:t>
            </a:r>
            <a:r>
              <a:rPr lang="en-US" sz="1000" err="1">
                <a:solidFill>
                  <a:schemeClr val="accent2"/>
                </a:solidFill>
              </a:rPr>
              <a:t>grå</a:t>
            </a:r>
            <a:r>
              <a:rPr lang="en-US" sz="1000">
                <a:solidFill>
                  <a:schemeClr val="accent2"/>
                </a:solidFill>
              </a:rPr>
              <a:t> felt. </a:t>
            </a:r>
            <a:br>
              <a:rPr lang="en-US" sz="1000">
                <a:solidFill>
                  <a:schemeClr val="accent2"/>
                </a:solidFill>
              </a:rPr>
            </a:br>
            <a:r>
              <a:rPr lang="en-US" sz="1000" err="1">
                <a:solidFill>
                  <a:schemeClr val="accent2"/>
                </a:solidFill>
              </a:rPr>
              <a:t>Vælg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menu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Indsæt</a:t>
            </a:r>
            <a:r>
              <a:rPr lang="en-US" sz="1000">
                <a:solidFill>
                  <a:schemeClr val="accent2"/>
                </a:solidFill>
              </a:rPr>
              <a:t> &gt; billed </a:t>
            </a:r>
            <a:r>
              <a:rPr lang="en-US" sz="1000" err="1">
                <a:solidFill>
                  <a:schemeClr val="accent2"/>
                </a:solidFill>
              </a:rPr>
              <a:t>og</a:t>
            </a:r>
            <a:r>
              <a:rPr lang="en-US" sz="1000">
                <a:solidFill>
                  <a:schemeClr val="accent2"/>
                </a:solidFill>
              </a:rPr>
              <a:t> browse </a:t>
            </a:r>
            <a:r>
              <a:rPr lang="en-US" sz="1000" err="1">
                <a:solidFill>
                  <a:schemeClr val="accent2"/>
                </a:solidFill>
              </a:rPr>
              <a:t>til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billedet</a:t>
            </a:r>
            <a:endParaRPr lang="en-US" sz="100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71008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" userDrawn="1">
          <p15:clr>
            <a:srgbClr val="A4A3A4"/>
          </p15:clr>
        </p15:guide>
        <p15:guide id="2" pos="3840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slide med billede – li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1">
            <a:extLst>
              <a:ext uri="{FF2B5EF4-FFF2-40B4-BE49-F238E27FC236}">
                <a16:creationId xmlns:a16="http://schemas.microsoft.com/office/drawing/2014/main" id="{298771D2-C644-71F3-BC75-7DEE755F117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solidFill>
            <a:schemeClr val="bg1">
              <a:lumMod val="85000"/>
            </a:schemeClr>
          </a:solidFill>
        </p:spPr>
        <p:txBody>
          <a:bodyPr tIns="72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814642C-660A-4F02-A36E-FA7974323FB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807674" y="2440104"/>
            <a:ext cx="8244000" cy="1977793"/>
          </a:xfrm>
        </p:spPr>
        <p:txBody>
          <a:bodyPr anchor="ctr" anchorCtr="0"/>
          <a:lstStyle>
            <a:lvl1pPr algn="ctr">
              <a:lnSpc>
                <a:spcPct val="100000"/>
              </a:lnSpc>
              <a:defRPr sz="4100" cap="all" baseline="0">
                <a:solidFill>
                  <a:schemeClr val="bg1"/>
                </a:solidFill>
              </a:defRPr>
            </a:lvl1pPr>
          </a:lstStyle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br>
              <a:rPr lang="en-US"/>
            </a:br>
            <a:r>
              <a:rPr lang="en-US"/>
              <a:t>Break slide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C4786A4-E7ED-49F1-B1EE-E8276E2DE55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665721" y="4417897"/>
            <a:ext cx="4837112" cy="622300"/>
          </a:xfrm>
        </p:spPr>
        <p:txBody>
          <a:bodyPr anchor="t" anchorCtr="0"/>
          <a:lstStyle>
            <a:lvl1pPr marL="0" indent="0" algn="ctr">
              <a:spcBef>
                <a:spcPts val="1200"/>
              </a:spcBef>
              <a:buNone/>
              <a:defRPr sz="12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tekst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023A4C3-858D-210B-FC14-092709C2FCBF}"/>
              </a:ext>
            </a:extLst>
          </p:cNvPr>
          <p:cNvSpPr txBox="1"/>
          <p:nvPr userDrawn="1"/>
        </p:nvSpPr>
        <p:spPr>
          <a:xfrm>
            <a:off x="4332287" y="-781533"/>
            <a:ext cx="3527425" cy="601789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indent="0" algn="ctr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err="1">
                <a:solidFill>
                  <a:schemeClr val="accent2"/>
                </a:solidFill>
              </a:rPr>
              <a:t>Indsæt</a:t>
            </a:r>
            <a:r>
              <a:rPr lang="en-US" sz="1000">
                <a:solidFill>
                  <a:schemeClr val="accent2"/>
                </a:solidFill>
              </a:rPr>
              <a:t> billed </a:t>
            </a:r>
            <a:r>
              <a:rPr lang="en-US" sz="1000" err="1">
                <a:solidFill>
                  <a:schemeClr val="accent2"/>
                </a:solidFill>
              </a:rPr>
              <a:t>ved</a:t>
            </a:r>
            <a:r>
              <a:rPr lang="en-US" sz="1000">
                <a:solidFill>
                  <a:schemeClr val="accent2"/>
                </a:solidFill>
              </a:rPr>
              <a:t> at </a:t>
            </a:r>
            <a:r>
              <a:rPr lang="en-US" sz="1000" err="1">
                <a:solidFill>
                  <a:schemeClr val="accent2"/>
                </a:solidFill>
              </a:rPr>
              <a:t>klikk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på</a:t>
            </a:r>
            <a:r>
              <a:rPr lang="en-US" sz="1000">
                <a:solidFill>
                  <a:schemeClr val="accent2"/>
                </a:solidFill>
              </a:rPr>
              <a:t> det </a:t>
            </a:r>
            <a:r>
              <a:rPr lang="en-US" sz="1000" err="1">
                <a:solidFill>
                  <a:schemeClr val="accent2"/>
                </a:solidFill>
              </a:rPr>
              <a:t>grå</a:t>
            </a:r>
            <a:r>
              <a:rPr lang="en-US" sz="1000">
                <a:solidFill>
                  <a:schemeClr val="accent2"/>
                </a:solidFill>
              </a:rPr>
              <a:t> felt. </a:t>
            </a:r>
            <a:br>
              <a:rPr lang="en-US" sz="1000">
                <a:solidFill>
                  <a:schemeClr val="accent2"/>
                </a:solidFill>
              </a:rPr>
            </a:br>
            <a:r>
              <a:rPr lang="en-US" sz="1000" err="1">
                <a:solidFill>
                  <a:schemeClr val="accent2"/>
                </a:solidFill>
              </a:rPr>
              <a:t>Vælg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menu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Indsæt</a:t>
            </a:r>
            <a:r>
              <a:rPr lang="en-US" sz="1000">
                <a:solidFill>
                  <a:schemeClr val="accent2"/>
                </a:solidFill>
              </a:rPr>
              <a:t> &gt; billed </a:t>
            </a:r>
            <a:r>
              <a:rPr lang="en-US" sz="1000" err="1">
                <a:solidFill>
                  <a:schemeClr val="accent2"/>
                </a:solidFill>
              </a:rPr>
              <a:t>og</a:t>
            </a:r>
            <a:r>
              <a:rPr lang="en-US" sz="1000">
                <a:solidFill>
                  <a:schemeClr val="accent2"/>
                </a:solidFill>
              </a:rPr>
              <a:t> browse </a:t>
            </a:r>
            <a:r>
              <a:rPr lang="en-US" sz="1000" err="1">
                <a:solidFill>
                  <a:schemeClr val="accent2"/>
                </a:solidFill>
              </a:rPr>
              <a:t>til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billedet</a:t>
            </a:r>
            <a:endParaRPr lang="en-US" sz="100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881713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" userDrawn="1">
          <p15:clr>
            <a:srgbClr val="A4A3A4"/>
          </p15:clr>
        </p15:guide>
        <p15:guide id="2" pos="3840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slide - farv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AA7ADDD-2244-F02A-CFFD-05585491F68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-4333" y="-4335"/>
            <a:ext cx="12201604" cy="6860167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0 h 6858000"/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307689 h 6858000"/>
              <a:gd name="connsiteX5" fmla="*/ 0 w 12192000"/>
              <a:gd name="connsiteY5" fmla="*/ 0 h 6858000"/>
              <a:gd name="connsiteX0" fmla="*/ 0 w 12192000"/>
              <a:gd name="connsiteY0" fmla="*/ 4334 h 6862334"/>
              <a:gd name="connsiteX1" fmla="*/ 6067109 w 12192000"/>
              <a:gd name="connsiteY1" fmla="*/ 0 h 6862334"/>
              <a:gd name="connsiteX2" fmla="*/ 12192000 w 12192000"/>
              <a:gd name="connsiteY2" fmla="*/ 4334 h 6862334"/>
              <a:gd name="connsiteX3" fmla="*/ 12192000 w 12192000"/>
              <a:gd name="connsiteY3" fmla="*/ 6862334 h 6862334"/>
              <a:gd name="connsiteX4" fmla="*/ 0 w 12192000"/>
              <a:gd name="connsiteY4" fmla="*/ 6862334 h 6862334"/>
              <a:gd name="connsiteX5" fmla="*/ 0 w 12192000"/>
              <a:gd name="connsiteY5" fmla="*/ 312023 h 6862334"/>
              <a:gd name="connsiteX6" fmla="*/ 0 w 12192000"/>
              <a:gd name="connsiteY6" fmla="*/ 4334 h 6862334"/>
              <a:gd name="connsiteX0" fmla="*/ 0 w 12192000"/>
              <a:gd name="connsiteY0" fmla="*/ 312023 h 6862334"/>
              <a:gd name="connsiteX1" fmla="*/ 6067109 w 12192000"/>
              <a:gd name="connsiteY1" fmla="*/ 0 h 6862334"/>
              <a:gd name="connsiteX2" fmla="*/ 12192000 w 12192000"/>
              <a:gd name="connsiteY2" fmla="*/ 4334 h 6862334"/>
              <a:gd name="connsiteX3" fmla="*/ 12192000 w 12192000"/>
              <a:gd name="connsiteY3" fmla="*/ 6862334 h 6862334"/>
              <a:gd name="connsiteX4" fmla="*/ 0 w 12192000"/>
              <a:gd name="connsiteY4" fmla="*/ 6862334 h 6862334"/>
              <a:gd name="connsiteX5" fmla="*/ 0 w 12192000"/>
              <a:gd name="connsiteY5" fmla="*/ 312023 h 6862334"/>
              <a:gd name="connsiteX0" fmla="*/ 0 w 12192000"/>
              <a:gd name="connsiteY0" fmla="*/ 312023 h 6862334"/>
              <a:gd name="connsiteX1" fmla="*/ 6067109 w 12192000"/>
              <a:gd name="connsiteY1" fmla="*/ 0 h 6862334"/>
              <a:gd name="connsiteX2" fmla="*/ 12025877 w 12192000"/>
              <a:gd name="connsiteY2" fmla="*/ 0 h 6862334"/>
              <a:gd name="connsiteX3" fmla="*/ 12192000 w 12192000"/>
              <a:gd name="connsiteY3" fmla="*/ 4334 h 6862334"/>
              <a:gd name="connsiteX4" fmla="*/ 12192000 w 12192000"/>
              <a:gd name="connsiteY4" fmla="*/ 6862334 h 6862334"/>
              <a:gd name="connsiteX5" fmla="*/ 0 w 12192000"/>
              <a:gd name="connsiteY5" fmla="*/ 6862334 h 6862334"/>
              <a:gd name="connsiteX6" fmla="*/ 0 w 12192000"/>
              <a:gd name="connsiteY6" fmla="*/ 312023 h 6862334"/>
              <a:gd name="connsiteX0" fmla="*/ 0 w 12194889"/>
              <a:gd name="connsiteY0" fmla="*/ 312023 h 6862334"/>
              <a:gd name="connsiteX1" fmla="*/ 6067109 w 12194889"/>
              <a:gd name="connsiteY1" fmla="*/ 0 h 6862334"/>
              <a:gd name="connsiteX2" fmla="*/ 12025877 w 12194889"/>
              <a:gd name="connsiteY2" fmla="*/ 0 h 6862334"/>
              <a:gd name="connsiteX3" fmla="*/ 12192000 w 12194889"/>
              <a:gd name="connsiteY3" fmla="*/ 4334 h 6862334"/>
              <a:gd name="connsiteX4" fmla="*/ 12194889 w 12194889"/>
              <a:gd name="connsiteY4" fmla="*/ 3202567 h 6862334"/>
              <a:gd name="connsiteX5" fmla="*/ 12192000 w 12194889"/>
              <a:gd name="connsiteY5" fmla="*/ 6862334 h 6862334"/>
              <a:gd name="connsiteX6" fmla="*/ 0 w 12194889"/>
              <a:gd name="connsiteY6" fmla="*/ 6862334 h 6862334"/>
              <a:gd name="connsiteX7" fmla="*/ 0 w 12194889"/>
              <a:gd name="connsiteY7" fmla="*/ 312023 h 6862334"/>
              <a:gd name="connsiteX0" fmla="*/ 0 w 12194889"/>
              <a:gd name="connsiteY0" fmla="*/ 312023 h 6862334"/>
              <a:gd name="connsiteX1" fmla="*/ 6067109 w 12194889"/>
              <a:gd name="connsiteY1" fmla="*/ 0 h 6862334"/>
              <a:gd name="connsiteX2" fmla="*/ 12025877 w 12194889"/>
              <a:gd name="connsiteY2" fmla="*/ 0 h 6862334"/>
              <a:gd name="connsiteX3" fmla="*/ 12194889 w 12194889"/>
              <a:gd name="connsiteY3" fmla="*/ 3202567 h 6862334"/>
              <a:gd name="connsiteX4" fmla="*/ 12192000 w 12194889"/>
              <a:gd name="connsiteY4" fmla="*/ 6862334 h 6862334"/>
              <a:gd name="connsiteX5" fmla="*/ 0 w 12194889"/>
              <a:gd name="connsiteY5" fmla="*/ 6862334 h 6862334"/>
              <a:gd name="connsiteX6" fmla="*/ 0 w 12194889"/>
              <a:gd name="connsiteY6" fmla="*/ 312023 h 6862334"/>
              <a:gd name="connsiteX0" fmla="*/ 0 w 12194889"/>
              <a:gd name="connsiteY0" fmla="*/ 312023 h 6862334"/>
              <a:gd name="connsiteX1" fmla="*/ 6067109 w 12194889"/>
              <a:gd name="connsiteY1" fmla="*/ 0 h 6862334"/>
              <a:gd name="connsiteX2" fmla="*/ 12025877 w 12194889"/>
              <a:gd name="connsiteY2" fmla="*/ 0 h 6862334"/>
              <a:gd name="connsiteX3" fmla="*/ 12194889 w 12194889"/>
              <a:gd name="connsiteY3" fmla="*/ 3202567 h 6862334"/>
              <a:gd name="connsiteX4" fmla="*/ 12190555 w 12194889"/>
              <a:gd name="connsiteY4" fmla="*/ 6556812 h 6862334"/>
              <a:gd name="connsiteX5" fmla="*/ 12192000 w 12194889"/>
              <a:gd name="connsiteY5" fmla="*/ 6862334 h 6862334"/>
              <a:gd name="connsiteX6" fmla="*/ 0 w 12194889"/>
              <a:gd name="connsiteY6" fmla="*/ 6862334 h 6862334"/>
              <a:gd name="connsiteX7" fmla="*/ 0 w 12194889"/>
              <a:gd name="connsiteY7" fmla="*/ 312023 h 6862334"/>
              <a:gd name="connsiteX0" fmla="*/ 0 w 12194889"/>
              <a:gd name="connsiteY0" fmla="*/ 312023 h 6862334"/>
              <a:gd name="connsiteX1" fmla="*/ 6067109 w 12194889"/>
              <a:gd name="connsiteY1" fmla="*/ 0 h 6862334"/>
              <a:gd name="connsiteX2" fmla="*/ 12025877 w 12194889"/>
              <a:gd name="connsiteY2" fmla="*/ 0 h 6862334"/>
              <a:gd name="connsiteX3" fmla="*/ 12194889 w 12194889"/>
              <a:gd name="connsiteY3" fmla="*/ 3202567 h 6862334"/>
              <a:gd name="connsiteX4" fmla="*/ 12190555 w 12194889"/>
              <a:gd name="connsiteY4" fmla="*/ 6556812 h 6862334"/>
              <a:gd name="connsiteX5" fmla="*/ 12192000 w 12194889"/>
              <a:gd name="connsiteY5" fmla="*/ 6862334 h 6862334"/>
              <a:gd name="connsiteX6" fmla="*/ 6270791 w 12194889"/>
              <a:gd name="connsiteY6" fmla="*/ 6860167 h 6862334"/>
              <a:gd name="connsiteX7" fmla="*/ 0 w 12194889"/>
              <a:gd name="connsiteY7" fmla="*/ 6862334 h 6862334"/>
              <a:gd name="connsiteX8" fmla="*/ 0 w 12194889"/>
              <a:gd name="connsiteY8" fmla="*/ 312023 h 6862334"/>
              <a:gd name="connsiteX0" fmla="*/ 0 w 12194889"/>
              <a:gd name="connsiteY0" fmla="*/ 312023 h 6918462"/>
              <a:gd name="connsiteX1" fmla="*/ 6067109 w 12194889"/>
              <a:gd name="connsiteY1" fmla="*/ 0 h 6918462"/>
              <a:gd name="connsiteX2" fmla="*/ 12025877 w 12194889"/>
              <a:gd name="connsiteY2" fmla="*/ 0 h 6918462"/>
              <a:gd name="connsiteX3" fmla="*/ 12194889 w 12194889"/>
              <a:gd name="connsiteY3" fmla="*/ 3202567 h 6918462"/>
              <a:gd name="connsiteX4" fmla="*/ 12190555 w 12194889"/>
              <a:gd name="connsiteY4" fmla="*/ 6556812 h 6918462"/>
              <a:gd name="connsiteX5" fmla="*/ 6270791 w 12194889"/>
              <a:gd name="connsiteY5" fmla="*/ 6860167 h 6918462"/>
              <a:gd name="connsiteX6" fmla="*/ 0 w 12194889"/>
              <a:gd name="connsiteY6" fmla="*/ 6862334 h 6918462"/>
              <a:gd name="connsiteX7" fmla="*/ 0 w 12194889"/>
              <a:gd name="connsiteY7" fmla="*/ 312023 h 6918462"/>
              <a:gd name="connsiteX0" fmla="*/ 0 w 12194889"/>
              <a:gd name="connsiteY0" fmla="*/ 312023 h 6862334"/>
              <a:gd name="connsiteX1" fmla="*/ 6067109 w 12194889"/>
              <a:gd name="connsiteY1" fmla="*/ 0 h 6862334"/>
              <a:gd name="connsiteX2" fmla="*/ 12025877 w 12194889"/>
              <a:gd name="connsiteY2" fmla="*/ 0 h 6862334"/>
              <a:gd name="connsiteX3" fmla="*/ 12194889 w 12194889"/>
              <a:gd name="connsiteY3" fmla="*/ 3202567 h 6862334"/>
              <a:gd name="connsiteX4" fmla="*/ 12190555 w 12194889"/>
              <a:gd name="connsiteY4" fmla="*/ 6556812 h 6862334"/>
              <a:gd name="connsiteX5" fmla="*/ 6270791 w 12194889"/>
              <a:gd name="connsiteY5" fmla="*/ 6860167 h 6862334"/>
              <a:gd name="connsiteX6" fmla="*/ 0 w 12194889"/>
              <a:gd name="connsiteY6" fmla="*/ 6862334 h 6862334"/>
              <a:gd name="connsiteX7" fmla="*/ 0 w 12194889"/>
              <a:gd name="connsiteY7" fmla="*/ 312023 h 6862334"/>
              <a:gd name="connsiteX0" fmla="*/ 0 w 12194889"/>
              <a:gd name="connsiteY0" fmla="*/ 312023 h 6862334"/>
              <a:gd name="connsiteX1" fmla="*/ 6067109 w 12194889"/>
              <a:gd name="connsiteY1" fmla="*/ 0 h 6862334"/>
              <a:gd name="connsiteX2" fmla="*/ 12025877 w 12194889"/>
              <a:gd name="connsiteY2" fmla="*/ 0 h 6862334"/>
              <a:gd name="connsiteX3" fmla="*/ 12194889 w 12194889"/>
              <a:gd name="connsiteY3" fmla="*/ 3202567 h 6862334"/>
              <a:gd name="connsiteX4" fmla="*/ 12190555 w 12194889"/>
              <a:gd name="connsiteY4" fmla="*/ 6556812 h 6862334"/>
              <a:gd name="connsiteX5" fmla="*/ 6270791 w 12194889"/>
              <a:gd name="connsiteY5" fmla="*/ 6860167 h 6862334"/>
              <a:gd name="connsiteX6" fmla="*/ 0 w 12194889"/>
              <a:gd name="connsiteY6" fmla="*/ 6862334 h 6862334"/>
              <a:gd name="connsiteX7" fmla="*/ 0 w 12194889"/>
              <a:gd name="connsiteY7" fmla="*/ 312023 h 6862334"/>
              <a:gd name="connsiteX0" fmla="*/ 0 w 12194889"/>
              <a:gd name="connsiteY0" fmla="*/ 312023 h 6862334"/>
              <a:gd name="connsiteX1" fmla="*/ 6067109 w 12194889"/>
              <a:gd name="connsiteY1" fmla="*/ 0 h 6862334"/>
              <a:gd name="connsiteX2" fmla="*/ 12025877 w 12194889"/>
              <a:gd name="connsiteY2" fmla="*/ 0 h 6862334"/>
              <a:gd name="connsiteX3" fmla="*/ 12194889 w 12194889"/>
              <a:gd name="connsiteY3" fmla="*/ 3202567 h 6862334"/>
              <a:gd name="connsiteX4" fmla="*/ 12190555 w 12194889"/>
              <a:gd name="connsiteY4" fmla="*/ 6556812 h 6862334"/>
              <a:gd name="connsiteX5" fmla="*/ 6270791 w 12194889"/>
              <a:gd name="connsiteY5" fmla="*/ 6860167 h 6862334"/>
              <a:gd name="connsiteX6" fmla="*/ 0 w 12194889"/>
              <a:gd name="connsiteY6" fmla="*/ 6862334 h 6862334"/>
              <a:gd name="connsiteX7" fmla="*/ 0 w 12194889"/>
              <a:gd name="connsiteY7" fmla="*/ 312023 h 6862334"/>
              <a:gd name="connsiteX0" fmla="*/ 0 w 12194889"/>
              <a:gd name="connsiteY0" fmla="*/ 312023 h 6862334"/>
              <a:gd name="connsiteX1" fmla="*/ 6067109 w 12194889"/>
              <a:gd name="connsiteY1" fmla="*/ 0 h 6862334"/>
              <a:gd name="connsiteX2" fmla="*/ 12025877 w 12194889"/>
              <a:gd name="connsiteY2" fmla="*/ 0 h 6862334"/>
              <a:gd name="connsiteX3" fmla="*/ 12194889 w 12194889"/>
              <a:gd name="connsiteY3" fmla="*/ 3202567 h 6862334"/>
              <a:gd name="connsiteX4" fmla="*/ 12190555 w 12194889"/>
              <a:gd name="connsiteY4" fmla="*/ 6556812 h 6862334"/>
              <a:gd name="connsiteX5" fmla="*/ 6270791 w 12194889"/>
              <a:gd name="connsiteY5" fmla="*/ 6860167 h 6862334"/>
              <a:gd name="connsiteX6" fmla="*/ 169012 w 12194889"/>
              <a:gd name="connsiteY6" fmla="*/ 6855834 h 6862334"/>
              <a:gd name="connsiteX7" fmla="*/ 0 w 12194889"/>
              <a:gd name="connsiteY7" fmla="*/ 6862334 h 6862334"/>
              <a:gd name="connsiteX8" fmla="*/ 0 w 12194889"/>
              <a:gd name="connsiteY8" fmla="*/ 312023 h 6862334"/>
              <a:gd name="connsiteX0" fmla="*/ 4334 w 12199223"/>
              <a:gd name="connsiteY0" fmla="*/ 312023 h 6862334"/>
              <a:gd name="connsiteX1" fmla="*/ 6071443 w 12199223"/>
              <a:gd name="connsiteY1" fmla="*/ 0 h 6862334"/>
              <a:gd name="connsiteX2" fmla="*/ 12030211 w 12199223"/>
              <a:gd name="connsiteY2" fmla="*/ 0 h 6862334"/>
              <a:gd name="connsiteX3" fmla="*/ 12199223 w 12199223"/>
              <a:gd name="connsiteY3" fmla="*/ 3202567 h 6862334"/>
              <a:gd name="connsiteX4" fmla="*/ 12194889 w 12199223"/>
              <a:gd name="connsiteY4" fmla="*/ 6556812 h 6862334"/>
              <a:gd name="connsiteX5" fmla="*/ 6275125 w 12199223"/>
              <a:gd name="connsiteY5" fmla="*/ 6860167 h 6862334"/>
              <a:gd name="connsiteX6" fmla="*/ 173346 w 12199223"/>
              <a:gd name="connsiteY6" fmla="*/ 6855834 h 6862334"/>
              <a:gd name="connsiteX7" fmla="*/ 4334 w 12199223"/>
              <a:gd name="connsiteY7" fmla="*/ 6862334 h 6862334"/>
              <a:gd name="connsiteX8" fmla="*/ 0 w 12199223"/>
              <a:gd name="connsiteY8" fmla="*/ 3540592 h 6862334"/>
              <a:gd name="connsiteX9" fmla="*/ 4334 w 12199223"/>
              <a:gd name="connsiteY9" fmla="*/ 312023 h 6862334"/>
              <a:gd name="connsiteX0" fmla="*/ 4334 w 12199223"/>
              <a:gd name="connsiteY0" fmla="*/ 312023 h 6860167"/>
              <a:gd name="connsiteX1" fmla="*/ 6071443 w 12199223"/>
              <a:gd name="connsiteY1" fmla="*/ 0 h 6860167"/>
              <a:gd name="connsiteX2" fmla="*/ 12030211 w 12199223"/>
              <a:gd name="connsiteY2" fmla="*/ 0 h 6860167"/>
              <a:gd name="connsiteX3" fmla="*/ 12199223 w 12199223"/>
              <a:gd name="connsiteY3" fmla="*/ 3202567 h 6860167"/>
              <a:gd name="connsiteX4" fmla="*/ 12194889 w 12199223"/>
              <a:gd name="connsiteY4" fmla="*/ 6556812 h 6860167"/>
              <a:gd name="connsiteX5" fmla="*/ 6275125 w 12199223"/>
              <a:gd name="connsiteY5" fmla="*/ 6860167 h 6860167"/>
              <a:gd name="connsiteX6" fmla="*/ 173346 w 12199223"/>
              <a:gd name="connsiteY6" fmla="*/ 6855834 h 6860167"/>
              <a:gd name="connsiteX7" fmla="*/ 0 w 12199223"/>
              <a:gd name="connsiteY7" fmla="*/ 3540592 h 6860167"/>
              <a:gd name="connsiteX8" fmla="*/ 4334 w 12199223"/>
              <a:gd name="connsiteY8" fmla="*/ 312023 h 6860167"/>
              <a:gd name="connsiteX0" fmla="*/ 4334 w 12199223"/>
              <a:gd name="connsiteY0" fmla="*/ 312023 h 6860167"/>
              <a:gd name="connsiteX1" fmla="*/ 6071443 w 12199223"/>
              <a:gd name="connsiteY1" fmla="*/ 0 h 6860167"/>
              <a:gd name="connsiteX2" fmla="*/ 12030211 w 12199223"/>
              <a:gd name="connsiteY2" fmla="*/ 0 h 6860167"/>
              <a:gd name="connsiteX3" fmla="*/ 12199223 w 12199223"/>
              <a:gd name="connsiteY3" fmla="*/ 3202567 h 6860167"/>
              <a:gd name="connsiteX4" fmla="*/ 12197270 w 12199223"/>
              <a:gd name="connsiteY4" fmla="*/ 6556812 h 6860167"/>
              <a:gd name="connsiteX5" fmla="*/ 6275125 w 12199223"/>
              <a:gd name="connsiteY5" fmla="*/ 6860167 h 6860167"/>
              <a:gd name="connsiteX6" fmla="*/ 173346 w 12199223"/>
              <a:gd name="connsiteY6" fmla="*/ 6855834 h 6860167"/>
              <a:gd name="connsiteX7" fmla="*/ 0 w 12199223"/>
              <a:gd name="connsiteY7" fmla="*/ 3540592 h 6860167"/>
              <a:gd name="connsiteX8" fmla="*/ 4334 w 12199223"/>
              <a:gd name="connsiteY8" fmla="*/ 312023 h 6860167"/>
              <a:gd name="connsiteX0" fmla="*/ 4334 w 12201604"/>
              <a:gd name="connsiteY0" fmla="*/ 312023 h 6860167"/>
              <a:gd name="connsiteX1" fmla="*/ 6071443 w 12201604"/>
              <a:gd name="connsiteY1" fmla="*/ 0 h 6860167"/>
              <a:gd name="connsiteX2" fmla="*/ 12030211 w 12201604"/>
              <a:gd name="connsiteY2" fmla="*/ 0 h 6860167"/>
              <a:gd name="connsiteX3" fmla="*/ 12201604 w 12201604"/>
              <a:gd name="connsiteY3" fmla="*/ 3202567 h 6860167"/>
              <a:gd name="connsiteX4" fmla="*/ 12197270 w 12201604"/>
              <a:gd name="connsiteY4" fmla="*/ 6556812 h 6860167"/>
              <a:gd name="connsiteX5" fmla="*/ 6275125 w 12201604"/>
              <a:gd name="connsiteY5" fmla="*/ 6860167 h 6860167"/>
              <a:gd name="connsiteX6" fmla="*/ 173346 w 12201604"/>
              <a:gd name="connsiteY6" fmla="*/ 6855834 h 6860167"/>
              <a:gd name="connsiteX7" fmla="*/ 0 w 12201604"/>
              <a:gd name="connsiteY7" fmla="*/ 3540592 h 6860167"/>
              <a:gd name="connsiteX8" fmla="*/ 4334 w 12201604"/>
              <a:gd name="connsiteY8" fmla="*/ 312023 h 68601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201604" h="6860167">
                <a:moveTo>
                  <a:pt x="4334" y="312023"/>
                </a:moveTo>
                <a:lnTo>
                  <a:pt x="6071443" y="0"/>
                </a:lnTo>
                <a:lnTo>
                  <a:pt x="12030211" y="0"/>
                </a:lnTo>
                <a:lnTo>
                  <a:pt x="12201604" y="3202567"/>
                </a:lnTo>
                <a:cubicBezTo>
                  <a:pt x="12200159" y="4320649"/>
                  <a:pt x="12198715" y="5438730"/>
                  <a:pt x="12197270" y="6556812"/>
                </a:cubicBezTo>
                <a:cubicBezTo>
                  <a:pt x="7283634" y="6811053"/>
                  <a:pt x="11864810" y="6579563"/>
                  <a:pt x="6275125" y="6860167"/>
                </a:cubicBezTo>
                <a:lnTo>
                  <a:pt x="173346" y="6855834"/>
                </a:lnTo>
                <a:lnTo>
                  <a:pt x="0" y="3540592"/>
                </a:lnTo>
                <a:cubicBezTo>
                  <a:pt x="1445" y="2464402"/>
                  <a:pt x="2889" y="1388213"/>
                  <a:pt x="4334" y="312023"/>
                </a:cubicBezTo>
                <a:close/>
              </a:path>
            </a:pathLst>
          </a:custGeom>
          <a:solidFill>
            <a:schemeClr val="accent1"/>
          </a:solid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814642C-660A-4F02-A36E-FA7974323FB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807674" y="2440104"/>
            <a:ext cx="8244000" cy="1977793"/>
          </a:xfrm>
        </p:spPr>
        <p:txBody>
          <a:bodyPr anchor="ctr" anchorCtr="0"/>
          <a:lstStyle>
            <a:lvl1pPr algn="ctr">
              <a:lnSpc>
                <a:spcPct val="100000"/>
              </a:lnSpc>
              <a:defRPr sz="4100" cap="all" baseline="0">
                <a:solidFill>
                  <a:schemeClr val="bg1"/>
                </a:solidFill>
              </a:defRPr>
            </a:lvl1pPr>
          </a:lstStyle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br>
              <a:rPr lang="en-US"/>
            </a:br>
            <a:r>
              <a:rPr lang="en-US"/>
              <a:t>Break slide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C4786A4-E7ED-49F1-B1EE-E8276E2DE55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665721" y="4417897"/>
            <a:ext cx="4837112" cy="622300"/>
          </a:xfrm>
        </p:spPr>
        <p:txBody>
          <a:bodyPr anchor="t" anchorCtr="0"/>
          <a:lstStyle>
            <a:lvl1pPr marL="0" indent="0" algn="ctr">
              <a:spcBef>
                <a:spcPts val="1200"/>
              </a:spcBef>
              <a:buNone/>
              <a:defRPr sz="12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tekst</a:t>
            </a:r>
          </a:p>
        </p:txBody>
      </p:sp>
    </p:spTree>
    <p:extLst>
      <p:ext uri="{BB962C8B-B14F-4D97-AF65-F5344CB8AC3E}">
        <p14:creationId xmlns:p14="http://schemas.microsoft.com/office/powerpoint/2010/main" val="492971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" userDrawn="1">
          <p15:clr>
            <a:srgbClr val="A4A3A4"/>
          </p15:clr>
        </p15:guide>
        <p15:guide id="2" pos="3840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ut side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11">
            <a:extLst>
              <a:ext uri="{FF2B5EF4-FFF2-40B4-BE49-F238E27FC236}">
                <a16:creationId xmlns:a16="http://schemas.microsoft.com/office/drawing/2014/main" id="{60D0119D-C8FB-C7F6-C20D-32E94812B58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 rot="-180000">
            <a:off x="-2448" y="-3184"/>
            <a:ext cx="12197276" cy="6862227"/>
          </a:xfrm>
          <a:custGeom>
            <a:avLst/>
            <a:gdLst>
              <a:gd name="connsiteX0" fmla="*/ 0 w 12192000"/>
              <a:gd name="connsiteY0" fmla="*/ 0 h 6857999"/>
              <a:gd name="connsiteX1" fmla="*/ 12192000 w 12192000"/>
              <a:gd name="connsiteY1" fmla="*/ 0 h 6857999"/>
              <a:gd name="connsiteX2" fmla="*/ 12192000 w 12192000"/>
              <a:gd name="connsiteY2" fmla="*/ 6857999 h 6857999"/>
              <a:gd name="connsiteX3" fmla="*/ 0 w 12192000"/>
              <a:gd name="connsiteY3" fmla="*/ 6857999 h 6857999"/>
              <a:gd name="connsiteX4" fmla="*/ 0 w 12192000"/>
              <a:gd name="connsiteY4" fmla="*/ 0 h 6857999"/>
              <a:gd name="connsiteX0" fmla="*/ 0 w 12192000"/>
              <a:gd name="connsiteY0" fmla="*/ 695 h 6858694"/>
              <a:gd name="connsiteX1" fmla="*/ 166607 w 12192000"/>
              <a:gd name="connsiteY1" fmla="*/ 0 h 6858694"/>
              <a:gd name="connsiteX2" fmla="*/ 12192000 w 12192000"/>
              <a:gd name="connsiteY2" fmla="*/ 695 h 6858694"/>
              <a:gd name="connsiteX3" fmla="*/ 12192000 w 12192000"/>
              <a:gd name="connsiteY3" fmla="*/ 6858694 h 6858694"/>
              <a:gd name="connsiteX4" fmla="*/ 0 w 12192000"/>
              <a:gd name="connsiteY4" fmla="*/ 6858694 h 6858694"/>
              <a:gd name="connsiteX5" fmla="*/ 0 w 12192000"/>
              <a:gd name="connsiteY5" fmla="*/ 695 h 6858694"/>
              <a:gd name="connsiteX0" fmla="*/ 1875 w 12193875"/>
              <a:gd name="connsiteY0" fmla="*/ 695 h 6858694"/>
              <a:gd name="connsiteX1" fmla="*/ 168482 w 12193875"/>
              <a:gd name="connsiteY1" fmla="*/ 0 h 6858694"/>
              <a:gd name="connsiteX2" fmla="*/ 12193875 w 12193875"/>
              <a:gd name="connsiteY2" fmla="*/ 695 h 6858694"/>
              <a:gd name="connsiteX3" fmla="*/ 12193875 w 12193875"/>
              <a:gd name="connsiteY3" fmla="*/ 6858694 h 6858694"/>
              <a:gd name="connsiteX4" fmla="*/ 1875 w 12193875"/>
              <a:gd name="connsiteY4" fmla="*/ 6858694 h 6858694"/>
              <a:gd name="connsiteX5" fmla="*/ 0 w 12193875"/>
              <a:gd name="connsiteY5" fmla="*/ 3260344 h 6858694"/>
              <a:gd name="connsiteX6" fmla="*/ 1875 w 12193875"/>
              <a:gd name="connsiteY6" fmla="*/ 695 h 6858694"/>
              <a:gd name="connsiteX0" fmla="*/ 0 w 12193875"/>
              <a:gd name="connsiteY0" fmla="*/ 3260344 h 6858694"/>
              <a:gd name="connsiteX1" fmla="*/ 168482 w 12193875"/>
              <a:gd name="connsiteY1" fmla="*/ 0 h 6858694"/>
              <a:gd name="connsiteX2" fmla="*/ 12193875 w 12193875"/>
              <a:gd name="connsiteY2" fmla="*/ 695 h 6858694"/>
              <a:gd name="connsiteX3" fmla="*/ 12193875 w 12193875"/>
              <a:gd name="connsiteY3" fmla="*/ 6858694 h 6858694"/>
              <a:gd name="connsiteX4" fmla="*/ 1875 w 12193875"/>
              <a:gd name="connsiteY4" fmla="*/ 6858694 h 6858694"/>
              <a:gd name="connsiteX5" fmla="*/ 0 w 12193875"/>
              <a:gd name="connsiteY5" fmla="*/ 3260344 h 6858694"/>
              <a:gd name="connsiteX0" fmla="*/ 518 w 12194393"/>
              <a:gd name="connsiteY0" fmla="*/ 3260344 h 6858694"/>
              <a:gd name="connsiteX1" fmla="*/ 169000 w 12194393"/>
              <a:gd name="connsiteY1" fmla="*/ 0 h 6858694"/>
              <a:gd name="connsiteX2" fmla="*/ 12194393 w 12194393"/>
              <a:gd name="connsiteY2" fmla="*/ 695 h 6858694"/>
              <a:gd name="connsiteX3" fmla="*/ 12194393 w 12194393"/>
              <a:gd name="connsiteY3" fmla="*/ 6858694 h 6858694"/>
              <a:gd name="connsiteX4" fmla="*/ 2393 w 12194393"/>
              <a:gd name="connsiteY4" fmla="*/ 6858694 h 6858694"/>
              <a:gd name="connsiteX5" fmla="*/ 0 w 12194393"/>
              <a:gd name="connsiteY5" fmla="*/ 6546182 h 6858694"/>
              <a:gd name="connsiteX6" fmla="*/ 518 w 12194393"/>
              <a:gd name="connsiteY6" fmla="*/ 3260344 h 6858694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5937708 w 12194393"/>
              <a:gd name="connsiteY4" fmla="*/ 6859749 h 6859749"/>
              <a:gd name="connsiteX5" fmla="*/ 2393 w 12194393"/>
              <a:gd name="connsiteY5" fmla="*/ 6858694 h 6859749"/>
              <a:gd name="connsiteX6" fmla="*/ 0 w 12194393"/>
              <a:gd name="connsiteY6" fmla="*/ 6546182 h 6859749"/>
              <a:gd name="connsiteX7" fmla="*/ 518 w 12194393"/>
              <a:gd name="connsiteY7" fmla="*/ 3260344 h 6859749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5937708 w 12194393"/>
              <a:gd name="connsiteY4" fmla="*/ 6859749 h 6859749"/>
              <a:gd name="connsiteX5" fmla="*/ 0 w 12194393"/>
              <a:gd name="connsiteY5" fmla="*/ 6546182 h 6859749"/>
              <a:gd name="connsiteX6" fmla="*/ 518 w 12194393"/>
              <a:gd name="connsiteY6" fmla="*/ 3260344 h 6859749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12028035 w 12194393"/>
              <a:gd name="connsiteY4" fmla="*/ 6854636 h 6859749"/>
              <a:gd name="connsiteX5" fmla="*/ 5937708 w 12194393"/>
              <a:gd name="connsiteY5" fmla="*/ 6859749 h 6859749"/>
              <a:gd name="connsiteX6" fmla="*/ 0 w 12194393"/>
              <a:gd name="connsiteY6" fmla="*/ 6546182 h 6859749"/>
              <a:gd name="connsiteX7" fmla="*/ 518 w 12194393"/>
              <a:gd name="connsiteY7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7276 w 12197276"/>
              <a:gd name="connsiteY3" fmla="*/ 3625329 h 6859749"/>
              <a:gd name="connsiteX4" fmla="*/ 12194393 w 12197276"/>
              <a:gd name="connsiteY4" fmla="*/ 6858694 h 6859749"/>
              <a:gd name="connsiteX5" fmla="*/ 12028035 w 12197276"/>
              <a:gd name="connsiteY5" fmla="*/ 6854636 h 6859749"/>
              <a:gd name="connsiteX6" fmla="*/ 5937708 w 12197276"/>
              <a:gd name="connsiteY6" fmla="*/ 6859749 h 6859749"/>
              <a:gd name="connsiteX7" fmla="*/ 0 w 12197276"/>
              <a:gd name="connsiteY7" fmla="*/ 6546182 h 6859749"/>
              <a:gd name="connsiteX8" fmla="*/ 518 w 12197276"/>
              <a:gd name="connsiteY8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7276 w 12197276"/>
              <a:gd name="connsiteY3" fmla="*/ 3625329 h 6859749"/>
              <a:gd name="connsiteX4" fmla="*/ 12028035 w 12197276"/>
              <a:gd name="connsiteY4" fmla="*/ 6854636 h 6859749"/>
              <a:gd name="connsiteX5" fmla="*/ 5937708 w 12197276"/>
              <a:gd name="connsiteY5" fmla="*/ 6859749 h 6859749"/>
              <a:gd name="connsiteX6" fmla="*/ 0 w 12197276"/>
              <a:gd name="connsiteY6" fmla="*/ 6546182 h 6859749"/>
              <a:gd name="connsiteX7" fmla="*/ 518 w 12197276"/>
              <a:gd name="connsiteY7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2279 w 12197276"/>
              <a:gd name="connsiteY3" fmla="*/ 308202 h 6859749"/>
              <a:gd name="connsiteX4" fmla="*/ 12197276 w 12197276"/>
              <a:gd name="connsiteY4" fmla="*/ 3625329 h 6859749"/>
              <a:gd name="connsiteX5" fmla="*/ 12028035 w 12197276"/>
              <a:gd name="connsiteY5" fmla="*/ 6854636 h 6859749"/>
              <a:gd name="connsiteX6" fmla="*/ 5937708 w 12197276"/>
              <a:gd name="connsiteY6" fmla="*/ 6859749 h 6859749"/>
              <a:gd name="connsiteX7" fmla="*/ 0 w 12197276"/>
              <a:gd name="connsiteY7" fmla="*/ 6546182 h 6859749"/>
              <a:gd name="connsiteX8" fmla="*/ 518 w 12197276"/>
              <a:gd name="connsiteY8" fmla="*/ 3260344 h 6859749"/>
              <a:gd name="connsiteX0" fmla="*/ 518 w 12197276"/>
              <a:gd name="connsiteY0" fmla="*/ 3262822 h 6862227"/>
              <a:gd name="connsiteX1" fmla="*/ 169000 w 12197276"/>
              <a:gd name="connsiteY1" fmla="*/ 2478 h 6862227"/>
              <a:gd name="connsiteX2" fmla="*/ 6218652 w 12197276"/>
              <a:gd name="connsiteY2" fmla="*/ 0 h 6862227"/>
              <a:gd name="connsiteX3" fmla="*/ 12194393 w 12197276"/>
              <a:gd name="connsiteY3" fmla="*/ 3173 h 6862227"/>
              <a:gd name="connsiteX4" fmla="*/ 12192279 w 12197276"/>
              <a:gd name="connsiteY4" fmla="*/ 310680 h 6862227"/>
              <a:gd name="connsiteX5" fmla="*/ 12197276 w 12197276"/>
              <a:gd name="connsiteY5" fmla="*/ 3627807 h 6862227"/>
              <a:gd name="connsiteX6" fmla="*/ 12028035 w 12197276"/>
              <a:gd name="connsiteY6" fmla="*/ 6857114 h 6862227"/>
              <a:gd name="connsiteX7" fmla="*/ 5937708 w 12197276"/>
              <a:gd name="connsiteY7" fmla="*/ 6862227 h 6862227"/>
              <a:gd name="connsiteX8" fmla="*/ 0 w 12197276"/>
              <a:gd name="connsiteY8" fmla="*/ 6548660 h 6862227"/>
              <a:gd name="connsiteX9" fmla="*/ 518 w 12197276"/>
              <a:gd name="connsiteY9" fmla="*/ 3262822 h 6862227"/>
              <a:gd name="connsiteX0" fmla="*/ 518 w 12197276"/>
              <a:gd name="connsiteY0" fmla="*/ 3262822 h 6862227"/>
              <a:gd name="connsiteX1" fmla="*/ 169000 w 12197276"/>
              <a:gd name="connsiteY1" fmla="*/ 2478 h 6862227"/>
              <a:gd name="connsiteX2" fmla="*/ 6218652 w 12197276"/>
              <a:gd name="connsiteY2" fmla="*/ 0 h 6862227"/>
              <a:gd name="connsiteX3" fmla="*/ 12192279 w 12197276"/>
              <a:gd name="connsiteY3" fmla="*/ 310680 h 6862227"/>
              <a:gd name="connsiteX4" fmla="*/ 12197276 w 12197276"/>
              <a:gd name="connsiteY4" fmla="*/ 3627807 h 6862227"/>
              <a:gd name="connsiteX5" fmla="*/ 12028035 w 12197276"/>
              <a:gd name="connsiteY5" fmla="*/ 6857114 h 6862227"/>
              <a:gd name="connsiteX6" fmla="*/ 5937708 w 12197276"/>
              <a:gd name="connsiteY6" fmla="*/ 6862227 h 6862227"/>
              <a:gd name="connsiteX7" fmla="*/ 0 w 12197276"/>
              <a:gd name="connsiteY7" fmla="*/ 6548660 h 6862227"/>
              <a:gd name="connsiteX8" fmla="*/ 518 w 12197276"/>
              <a:gd name="connsiteY8" fmla="*/ 3262822 h 68622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197276" h="6862227">
                <a:moveTo>
                  <a:pt x="518" y="3262822"/>
                </a:moveTo>
                <a:lnTo>
                  <a:pt x="169000" y="2478"/>
                </a:lnTo>
                <a:lnTo>
                  <a:pt x="6218652" y="0"/>
                </a:lnTo>
                <a:lnTo>
                  <a:pt x="12192279" y="310680"/>
                </a:lnTo>
                <a:cubicBezTo>
                  <a:pt x="12193945" y="1416389"/>
                  <a:pt x="12195610" y="2522098"/>
                  <a:pt x="12197276" y="3627807"/>
                </a:cubicBezTo>
                <a:lnTo>
                  <a:pt x="12028035" y="6857114"/>
                </a:lnTo>
                <a:lnTo>
                  <a:pt x="5937708" y="6862227"/>
                </a:lnTo>
                <a:lnTo>
                  <a:pt x="0" y="6548660"/>
                </a:lnTo>
                <a:cubicBezTo>
                  <a:pt x="173" y="5453381"/>
                  <a:pt x="345" y="4358101"/>
                  <a:pt x="518" y="3262822"/>
                </a:cubicBezTo>
                <a:close/>
              </a:path>
            </a:pathLst>
          </a:custGeom>
          <a:solidFill>
            <a:srgbClr val="D9D9D9"/>
          </a:solidFill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686259C4-3839-48E3-B78B-BB2623FA8D2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0"/>
            <a:ext cx="1501200" cy="10440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19" name="Text Placeholder 14">
            <a:extLst>
              <a:ext uri="{FF2B5EF4-FFF2-40B4-BE49-F238E27FC236}">
                <a16:creationId xmlns:a16="http://schemas.microsoft.com/office/drawing/2014/main" id="{82DF12C5-15BB-4C57-B62C-D33DABB1EA3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381011" y="5306955"/>
            <a:ext cx="1422000" cy="1044000"/>
          </a:xfrm>
          <a:blipFill>
            <a:blip r:embed="rId4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94AD7E06-A213-57ED-A406-D9F75C4BB96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58813" y="5306955"/>
            <a:ext cx="2167464" cy="1001769"/>
          </a:xfrm>
          <a:blipFill>
            <a:blip r:embed="rId6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bg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135695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">
          <p15:clr>
            <a:srgbClr val="A4A3A4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 13">
            <a:extLst>
              <a:ext uri="{FF2B5EF4-FFF2-40B4-BE49-F238E27FC236}">
                <a16:creationId xmlns:a16="http://schemas.microsoft.com/office/drawing/2014/main" id="{F2C826DC-A3B6-4035-9504-2DD4FF4CE680}"/>
              </a:ext>
            </a:extLst>
          </p:cNvPr>
          <p:cNvSpPr/>
          <p:nvPr userDrawn="1"/>
        </p:nvSpPr>
        <p:spPr>
          <a:xfrm rot="-180000">
            <a:off x="114378" y="4369712"/>
            <a:ext cx="12192015" cy="2484083"/>
          </a:xfrm>
          <a:custGeom>
            <a:avLst/>
            <a:gdLst>
              <a:gd name="connsiteX0" fmla="*/ 0 w 12192000"/>
              <a:gd name="connsiteY0" fmla="*/ 0 h 2485291"/>
              <a:gd name="connsiteX1" fmla="*/ 12192000 w 12192000"/>
              <a:gd name="connsiteY1" fmla="*/ 0 h 2485291"/>
              <a:gd name="connsiteX2" fmla="*/ 12192000 w 12192000"/>
              <a:gd name="connsiteY2" fmla="*/ 2485291 h 2485291"/>
              <a:gd name="connsiteX3" fmla="*/ 0 w 12192000"/>
              <a:gd name="connsiteY3" fmla="*/ 2485291 h 2485291"/>
              <a:gd name="connsiteX4" fmla="*/ 0 w 12192000"/>
              <a:gd name="connsiteY4" fmla="*/ 0 h 2485291"/>
              <a:gd name="connsiteX0" fmla="*/ 15 w 12192015"/>
              <a:gd name="connsiteY0" fmla="*/ 0 h 2485291"/>
              <a:gd name="connsiteX1" fmla="*/ 12192015 w 12192015"/>
              <a:gd name="connsiteY1" fmla="*/ 0 h 2485291"/>
              <a:gd name="connsiteX2" fmla="*/ 12192015 w 12192015"/>
              <a:gd name="connsiteY2" fmla="*/ 2485291 h 2485291"/>
              <a:gd name="connsiteX3" fmla="*/ 15 w 12192015"/>
              <a:gd name="connsiteY3" fmla="*/ 2485291 h 2485291"/>
              <a:gd name="connsiteX4" fmla="*/ 0 w 12192015"/>
              <a:gd name="connsiteY4" fmla="*/ 2172904 h 2485291"/>
              <a:gd name="connsiteX5" fmla="*/ 15 w 12192015"/>
              <a:gd name="connsiteY5" fmla="*/ 0 h 2485291"/>
              <a:gd name="connsiteX0" fmla="*/ 15 w 12192015"/>
              <a:gd name="connsiteY0" fmla="*/ 0 h 2485291"/>
              <a:gd name="connsiteX1" fmla="*/ 12192015 w 12192015"/>
              <a:gd name="connsiteY1" fmla="*/ 0 h 2485291"/>
              <a:gd name="connsiteX2" fmla="*/ 12192015 w 12192015"/>
              <a:gd name="connsiteY2" fmla="*/ 2485291 h 2485291"/>
              <a:gd name="connsiteX3" fmla="*/ 5983138 w 12192015"/>
              <a:gd name="connsiteY3" fmla="*/ 2484083 h 2485291"/>
              <a:gd name="connsiteX4" fmla="*/ 15 w 12192015"/>
              <a:gd name="connsiteY4" fmla="*/ 2485291 h 2485291"/>
              <a:gd name="connsiteX5" fmla="*/ 0 w 12192015"/>
              <a:gd name="connsiteY5" fmla="*/ 2172904 h 2485291"/>
              <a:gd name="connsiteX6" fmla="*/ 15 w 12192015"/>
              <a:gd name="connsiteY6" fmla="*/ 0 h 2485291"/>
              <a:gd name="connsiteX0" fmla="*/ 15 w 12192015"/>
              <a:gd name="connsiteY0" fmla="*/ 0 h 2485291"/>
              <a:gd name="connsiteX1" fmla="*/ 12192015 w 12192015"/>
              <a:gd name="connsiteY1" fmla="*/ 0 h 2485291"/>
              <a:gd name="connsiteX2" fmla="*/ 12192015 w 12192015"/>
              <a:gd name="connsiteY2" fmla="*/ 2485291 h 2485291"/>
              <a:gd name="connsiteX3" fmla="*/ 5983138 w 12192015"/>
              <a:gd name="connsiteY3" fmla="*/ 2484083 h 2485291"/>
              <a:gd name="connsiteX4" fmla="*/ 0 w 12192015"/>
              <a:gd name="connsiteY4" fmla="*/ 2172904 h 2485291"/>
              <a:gd name="connsiteX5" fmla="*/ 15 w 12192015"/>
              <a:gd name="connsiteY5" fmla="*/ 0 h 2485291"/>
              <a:gd name="connsiteX0" fmla="*/ 15 w 12192015"/>
              <a:gd name="connsiteY0" fmla="*/ 0 h 2485291"/>
              <a:gd name="connsiteX1" fmla="*/ 12192015 w 12192015"/>
              <a:gd name="connsiteY1" fmla="*/ 0 h 2485291"/>
              <a:gd name="connsiteX2" fmla="*/ 12192015 w 12192015"/>
              <a:gd name="connsiteY2" fmla="*/ 2485291 h 2485291"/>
              <a:gd name="connsiteX3" fmla="*/ 12023278 w 12192015"/>
              <a:gd name="connsiteY3" fmla="*/ 2481109 h 2485291"/>
              <a:gd name="connsiteX4" fmla="*/ 5983138 w 12192015"/>
              <a:gd name="connsiteY4" fmla="*/ 2484083 h 2485291"/>
              <a:gd name="connsiteX5" fmla="*/ 0 w 12192015"/>
              <a:gd name="connsiteY5" fmla="*/ 2172904 h 2485291"/>
              <a:gd name="connsiteX6" fmla="*/ 15 w 12192015"/>
              <a:gd name="connsiteY6" fmla="*/ 0 h 2485291"/>
              <a:gd name="connsiteX0" fmla="*/ 15 w 12192015"/>
              <a:gd name="connsiteY0" fmla="*/ 0 h 2484083"/>
              <a:gd name="connsiteX1" fmla="*/ 12192015 w 12192015"/>
              <a:gd name="connsiteY1" fmla="*/ 0 h 2484083"/>
              <a:gd name="connsiteX2" fmla="*/ 12023278 w 12192015"/>
              <a:gd name="connsiteY2" fmla="*/ 2481109 h 2484083"/>
              <a:gd name="connsiteX3" fmla="*/ 5983138 w 12192015"/>
              <a:gd name="connsiteY3" fmla="*/ 2484083 h 2484083"/>
              <a:gd name="connsiteX4" fmla="*/ 0 w 12192015"/>
              <a:gd name="connsiteY4" fmla="*/ 2172904 h 2484083"/>
              <a:gd name="connsiteX5" fmla="*/ 15 w 12192015"/>
              <a:gd name="connsiteY5" fmla="*/ 0 h 248408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15" h="2484083">
                <a:moveTo>
                  <a:pt x="15" y="0"/>
                </a:moveTo>
                <a:lnTo>
                  <a:pt x="12192015" y="0"/>
                </a:lnTo>
                <a:lnTo>
                  <a:pt x="12023278" y="2481109"/>
                </a:lnTo>
                <a:lnTo>
                  <a:pt x="5983138" y="2484083"/>
                </a:lnTo>
                <a:lnTo>
                  <a:pt x="0" y="2172904"/>
                </a:lnTo>
                <a:cubicBezTo>
                  <a:pt x="5" y="1448603"/>
                  <a:pt x="10" y="724301"/>
                  <a:pt x="15" y="0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0000" bIns="90000" rtlCol="0" anchor="t" anchorCtr="0"/>
          <a:lstStyle/>
          <a:p>
            <a:pPr algn="l"/>
            <a:endParaRPr lang="en-GB" sz="1600" b="0" err="1">
              <a:solidFill>
                <a:schemeClr val="bg1"/>
              </a:solidFill>
            </a:endParaRPr>
          </a:p>
        </p:txBody>
      </p:sp>
      <p:sp>
        <p:nvSpPr>
          <p:cNvPr id="10" name="Picture Placeholder 11">
            <a:extLst>
              <a:ext uri="{FF2B5EF4-FFF2-40B4-BE49-F238E27FC236}">
                <a16:creationId xmlns:a16="http://schemas.microsoft.com/office/drawing/2014/main" id="{668A2BB3-89DD-FEAB-DF69-76FBC9D4812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 rot="-180000">
            <a:off x="-69846" y="-652"/>
            <a:ext cx="12199826" cy="4380004"/>
          </a:xfrm>
          <a:custGeom>
            <a:avLst/>
            <a:gdLst>
              <a:gd name="connsiteX0" fmla="*/ 0 w 12192000"/>
              <a:gd name="connsiteY0" fmla="*/ 0 h 4377600"/>
              <a:gd name="connsiteX1" fmla="*/ 12192000 w 12192000"/>
              <a:gd name="connsiteY1" fmla="*/ 0 h 4377600"/>
              <a:gd name="connsiteX2" fmla="*/ 12192000 w 12192000"/>
              <a:gd name="connsiteY2" fmla="*/ 4377600 h 4377600"/>
              <a:gd name="connsiteX3" fmla="*/ 0 w 12192000"/>
              <a:gd name="connsiteY3" fmla="*/ 4377600 h 4377600"/>
              <a:gd name="connsiteX4" fmla="*/ 0 w 12192000"/>
              <a:gd name="connsiteY4" fmla="*/ 0 h 4377600"/>
              <a:gd name="connsiteX0" fmla="*/ 0 w 12192000"/>
              <a:gd name="connsiteY0" fmla="*/ 2404 h 4380004"/>
              <a:gd name="connsiteX1" fmla="*/ 6139914 w 12192000"/>
              <a:gd name="connsiteY1" fmla="*/ 0 h 4380004"/>
              <a:gd name="connsiteX2" fmla="*/ 12192000 w 12192000"/>
              <a:gd name="connsiteY2" fmla="*/ 2404 h 4380004"/>
              <a:gd name="connsiteX3" fmla="*/ 12192000 w 12192000"/>
              <a:gd name="connsiteY3" fmla="*/ 4380004 h 4380004"/>
              <a:gd name="connsiteX4" fmla="*/ 0 w 12192000"/>
              <a:gd name="connsiteY4" fmla="*/ 4380004 h 4380004"/>
              <a:gd name="connsiteX5" fmla="*/ 0 w 12192000"/>
              <a:gd name="connsiteY5" fmla="*/ 2404 h 4380004"/>
              <a:gd name="connsiteX0" fmla="*/ 0 w 12194948"/>
              <a:gd name="connsiteY0" fmla="*/ 2404 h 4380004"/>
              <a:gd name="connsiteX1" fmla="*/ 6139914 w 12194948"/>
              <a:gd name="connsiteY1" fmla="*/ 0 h 4380004"/>
              <a:gd name="connsiteX2" fmla="*/ 12194948 w 12194948"/>
              <a:gd name="connsiteY2" fmla="*/ 310161 h 4380004"/>
              <a:gd name="connsiteX3" fmla="*/ 12192000 w 12194948"/>
              <a:gd name="connsiteY3" fmla="*/ 4380004 h 4380004"/>
              <a:gd name="connsiteX4" fmla="*/ 0 w 12194948"/>
              <a:gd name="connsiteY4" fmla="*/ 4380004 h 4380004"/>
              <a:gd name="connsiteX5" fmla="*/ 0 w 12194948"/>
              <a:gd name="connsiteY5" fmla="*/ 2404 h 4380004"/>
              <a:gd name="connsiteX0" fmla="*/ 4878 w 12199826"/>
              <a:gd name="connsiteY0" fmla="*/ 2404 h 4380004"/>
              <a:gd name="connsiteX1" fmla="*/ 6144792 w 12199826"/>
              <a:gd name="connsiteY1" fmla="*/ 0 h 4380004"/>
              <a:gd name="connsiteX2" fmla="*/ 12199826 w 12199826"/>
              <a:gd name="connsiteY2" fmla="*/ 310161 h 4380004"/>
              <a:gd name="connsiteX3" fmla="*/ 12196878 w 12199826"/>
              <a:gd name="connsiteY3" fmla="*/ 4380004 h 4380004"/>
              <a:gd name="connsiteX4" fmla="*/ 4878 w 12199826"/>
              <a:gd name="connsiteY4" fmla="*/ 4380004 h 4380004"/>
              <a:gd name="connsiteX5" fmla="*/ 0 w 12199826"/>
              <a:gd name="connsiteY5" fmla="*/ 3273818 h 4380004"/>
              <a:gd name="connsiteX6" fmla="*/ 4878 w 12199826"/>
              <a:gd name="connsiteY6" fmla="*/ 2404 h 4380004"/>
              <a:gd name="connsiteX0" fmla="*/ 181348 w 12199826"/>
              <a:gd name="connsiteY0" fmla="*/ 2114 h 4380004"/>
              <a:gd name="connsiteX1" fmla="*/ 6144792 w 12199826"/>
              <a:gd name="connsiteY1" fmla="*/ 0 h 4380004"/>
              <a:gd name="connsiteX2" fmla="*/ 12199826 w 12199826"/>
              <a:gd name="connsiteY2" fmla="*/ 310161 h 4380004"/>
              <a:gd name="connsiteX3" fmla="*/ 12196878 w 12199826"/>
              <a:gd name="connsiteY3" fmla="*/ 4380004 h 4380004"/>
              <a:gd name="connsiteX4" fmla="*/ 4878 w 12199826"/>
              <a:gd name="connsiteY4" fmla="*/ 4380004 h 4380004"/>
              <a:gd name="connsiteX5" fmla="*/ 0 w 12199826"/>
              <a:gd name="connsiteY5" fmla="*/ 3273818 h 4380004"/>
              <a:gd name="connsiteX6" fmla="*/ 181348 w 12199826"/>
              <a:gd name="connsiteY6" fmla="*/ 2114 h 4380004"/>
              <a:gd name="connsiteX0" fmla="*/ 178970 w 12199826"/>
              <a:gd name="connsiteY0" fmla="*/ 1989 h 4380004"/>
              <a:gd name="connsiteX1" fmla="*/ 6144792 w 12199826"/>
              <a:gd name="connsiteY1" fmla="*/ 0 h 4380004"/>
              <a:gd name="connsiteX2" fmla="*/ 12199826 w 12199826"/>
              <a:gd name="connsiteY2" fmla="*/ 310161 h 4380004"/>
              <a:gd name="connsiteX3" fmla="*/ 12196878 w 12199826"/>
              <a:gd name="connsiteY3" fmla="*/ 4380004 h 4380004"/>
              <a:gd name="connsiteX4" fmla="*/ 4878 w 12199826"/>
              <a:gd name="connsiteY4" fmla="*/ 4380004 h 4380004"/>
              <a:gd name="connsiteX5" fmla="*/ 0 w 12199826"/>
              <a:gd name="connsiteY5" fmla="*/ 3273818 h 4380004"/>
              <a:gd name="connsiteX6" fmla="*/ 178970 w 12199826"/>
              <a:gd name="connsiteY6" fmla="*/ 1989 h 4380004"/>
              <a:gd name="connsiteX0" fmla="*/ 178970 w 12199826"/>
              <a:gd name="connsiteY0" fmla="*/ 1989 h 4380004"/>
              <a:gd name="connsiteX1" fmla="*/ 6144792 w 12199826"/>
              <a:gd name="connsiteY1" fmla="*/ 0 h 4380004"/>
              <a:gd name="connsiteX2" fmla="*/ 12199826 w 12199826"/>
              <a:gd name="connsiteY2" fmla="*/ 310161 h 4380004"/>
              <a:gd name="connsiteX3" fmla="*/ 12196878 w 12199826"/>
              <a:gd name="connsiteY3" fmla="*/ 4380004 h 4380004"/>
              <a:gd name="connsiteX4" fmla="*/ 4878 w 12199826"/>
              <a:gd name="connsiteY4" fmla="*/ 4380004 h 4380004"/>
              <a:gd name="connsiteX5" fmla="*/ 0 w 12199826"/>
              <a:gd name="connsiteY5" fmla="*/ 3273818 h 4380004"/>
              <a:gd name="connsiteX6" fmla="*/ 178970 w 12199826"/>
              <a:gd name="connsiteY6" fmla="*/ 1989 h 4380004"/>
              <a:gd name="connsiteX0" fmla="*/ 174214 w 12199826"/>
              <a:gd name="connsiteY0" fmla="*/ 1739 h 4380004"/>
              <a:gd name="connsiteX1" fmla="*/ 6144792 w 12199826"/>
              <a:gd name="connsiteY1" fmla="*/ 0 h 4380004"/>
              <a:gd name="connsiteX2" fmla="*/ 12199826 w 12199826"/>
              <a:gd name="connsiteY2" fmla="*/ 310161 h 4380004"/>
              <a:gd name="connsiteX3" fmla="*/ 12196878 w 12199826"/>
              <a:gd name="connsiteY3" fmla="*/ 4380004 h 4380004"/>
              <a:gd name="connsiteX4" fmla="*/ 4878 w 12199826"/>
              <a:gd name="connsiteY4" fmla="*/ 4380004 h 4380004"/>
              <a:gd name="connsiteX5" fmla="*/ 0 w 12199826"/>
              <a:gd name="connsiteY5" fmla="*/ 3273818 h 4380004"/>
              <a:gd name="connsiteX6" fmla="*/ 174214 w 12199826"/>
              <a:gd name="connsiteY6" fmla="*/ 1739 h 438000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9826" h="4380004">
                <a:moveTo>
                  <a:pt x="174214" y="1739"/>
                </a:moveTo>
                <a:lnTo>
                  <a:pt x="6144792" y="0"/>
                </a:lnTo>
                <a:lnTo>
                  <a:pt x="12199826" y="310161"/>
                </a:lnTo>
                <a:cubicBezTo>
                  <a:pt x="12198843" y="1666775"/>
                  <a:pt x="12197861" y="3023390"/>
                  <a:pt x="12196878" y="4380004"/>
                </a:cubicBezTo>
                <a:lnTo>
                  <a:pt x="4878" y="4380004"/>
                </a:lnTo>
                <a:lnTo>
                  <a:pt x="0" y="3273818"/>
                </a:lnTo>
                <a:lnTo>
                  <a:pt x="174214" y="1739"/>
                </a:lnTo>
                <a:close/>
              </a:path>
            </a:pathLst>
          </a:custGeom>
          <a:solidFill>
            <a:srgbClr val="D9D9D9"/>
          </a:solidFill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814642C-660A-4F02-A36E-FA7974323FB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58813" y="4352175"/>
            <a:ext cx="8244000" cy="1581664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100" cap="all" baseline="0">
                <a:solidFill>
                  <a:schemeClr val="bg1"/>
                </a:solidFill>
              </a:defRPr>
            </a:lvl1pPr>
          </a:lstStyle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br>
              <a:rPr lang="en-US"/>
            </a:br>
            <a:r>
              <a:rPr lang="en-US" err="1"/>
              <a:t>forside</a:t>
            </a:r>
            <a:r>
              <a:rPr lang="en-US"/>
              <a:t> </a:t>
            </a:r>
            <a:r>
              <a:rPr lang="en-US" err="1"/>
              <a:t>titel</a:t>
            </a:r>
            <a:br>
              <a:rPr lang="en-US"/>
            </a:br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C4786A4-E7ED-49F1-B1EE-E8276E2DE55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3" y="5686425"/>
            <a:ext cx="4837112" cy="622300"/>
          </a:xfrm>
        </p:spPr>
        <p:txBody>
          <a:bodyPr anchor="b" anchorCtr="0"/>
          <a:lstStyle>
            <a:lvl1pPr marL="0" indent="0" algn="l"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tekst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686259C4-3839-48E3-B78B-BB2623FA8D2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0"/>
            <a:ext cx="1501200" cy="10440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pic>
        <p:nvPicPr>
          <p:cNvPr id="21" name="Graphic 20">
            <a:extLst>
              <a:ext uri="{FF2B5EF4-FFF2-40B4-BE49-F238E27FC236}">
                <a16:creationId xmlns:a16="http://schemas.microsoft.com/office/drawing/2014/main" id="{9B2375D7-9E52-4479-81D5-1961E7D1AEBE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hq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380013" y="5306955"/>
            <a:ext cx="1422998" cy="104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2552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" userDrawn="1">
          <p15:clr>
            <a:srgbClr val="A4A3A4"/>
          </p15:clr>
        </p15:guide>
        <p15:guide id="2" orient="horz" pos="2727" userDrawn="1">
          <p15:clr>
            <a:srgbClr val="A4A3A4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ut side med billede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11">
            <a:extLst>
              <a:ext uri="{FF2B5EF4-FFF2-40B4-BE49-F238E27FC236}">
                <a16:creationId xmlns:a16="http://schemas.microsoft.com/office/drawing/2014/main" id="{60D0119D-C8FB-C7F6-C20D-32E94812B58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 rot="-180000">
            <a:off x="-2448" y="-3184"/>
            <a:ext cx="12197276" cy="6862227"/>
          </a:xfrm>
          <a:custGeom>
            <a:avLst/>
            <a:gdLst>
              <a:gd name="connsiteX0" fmla="*/ 0 w 12192000"/>
              <a:gd name="connsiteY0" fmla="*/ 0 h 6857999"/>
              <a:gd name="connsiteX1" fmla="*/ 12192000 w 12192000"/>
              <a:gd name="connsiteY1" fmla="*/ 0 h 6857999"/>
              <a:gd name="connsiteX2" fmla="*/ 12192000 w 12192000"/>
              <a:gd name="connsiteY2" fmla="*/ 6857999 h 6857999"/>
              <a:gd name="connsiteX3" fmla="*/ 0 w 12192000"/>
              <a:gd name="connsiteY3" fmla="*/ 6857999 h 6857999"/>
              <a:gd name="connsiteX4" fmla="*/ 0 w 12192000"/>
              <a:gd name="connsiteY4" fmla="*/ 0 h 6857999"/>
              <a:gd name="connsiteX0" fmla="*/ 0 w 12192000"/>
              <a:gd name="connsiteY0" fmla="*/ 695 h 6858694"/>
              <a:gd name="connsiteX1" fmla="*/ 166607 w 12192000"/>
              <a:gd name="connsiteY1" fmla="*/ 0 h 6858694"/>
              <a:gd name="connsiteX2" fmla="*/ 12192000 w 12192000"/>
              <a:gd name="connsiteY2" fmla="*/ 695 h 6858694"/>
              <a:gd name="connsiteX3" fmla="*/ 12192000 w 12192000"/>
              <a:gd name="connsiteY3" fmla="*/ 6858694 h 6858694"/>
              <a:gd name="connsiteX4" fmla="*/ 0 w 12192000"/>
              <a:gd name="connsiteY4" fmla="*/ 6858694 h 6858694"/>
              <a:gd name="connsiteX5" fmla="*/ 0 w 12192000"/>
              <a:gd name="connsiteY5" fmla="*/ 695 h 6858694"/>
              <a:gd name="connsiteX0" fmla="*/ 1875 w 12193875"/>
              <a:gd name="connsiteY0" fmla="*/ 695 h 6858694"/>
              <a:gd name="connsiteX1" fmla="*/ 168482 w 12193875"/>
              <a:gd name="connsiteY1" fmla="*/ 0 h 6858694"/>
              <a:gd name="connsiteX2" fmla="*/ 12193875 w 12193875"/>
              <a:gd name="connsiteY2" fmla="*/ 695 h 6858694"/>
              <a:gd name="connsiteX3" fmla="*/ 12193875 w 12193875"/>
              <a:gd name="connsiteY3" fmla="*/ 6858694 h 6858694"/>
              <a:gd name="connsiteX4" fmla="*/ 1875 w 12193875"/>
              <a:gd name="connsiteY4" fmla="*/ 6858694 h 6858694"/>
              <a:gd name="connsiteX5" fmla="*/ 0 w 12193875"/>
              <a:gd name="connsiteY5" fmla="*/ 3260344 h 6858694"/>
              <a:gd name="connsiteX6" fmla="*/ 1875 w 12193875"/>
              <a:gd name="connsiteY6" fmla="*/ 695 h 6858694"/>
              <a:gd name="connsiteX0" fmla="*/ 0 w 12193875"/>
              <a:gd name="connsiteY0" fmla="*/ 3260344 h 6858694"/>
              <a:gd name="connsiteX1" fmla="*/ 168482 w 12193875"/>
              <a:gd name="connsiteY1" fmla="*/ 0 h 6858694"/>
              <a:gd name="connsiteX2" fmla="*/ 12193875 w 12193875"/>
              <a:gd name="connsiteY2" fmla="*/ 695 h 6858694"/>
              <a:gd name="connsiteX3" fmla="*/ 12193875 w 12193875"/>
              <a:gd name="connsiteY3" fmla="*/ 6858694 h 6858694"/>
              <a:gd name="connsiteX4" fmla="*/ 1875 w 12193875"/>
              <a:gd name="connsiteY4" fmla="*/ 6858694 h 6858694"/>
              <a:gd name="connsiteX5" fmla="*/ 0 w 12193875"/>
              <a:gd name="connsiteY5" fmla="*/ 3260344 h 6858694"/>
              <a:gd name="connsiteX0" fmla="*/ 518 w 12194393"/>
              <a:gd name="connsiteY0" fmla="*/ 3260344 h 6858694"/>
              <a:gd name="connsiteX1" fmla="*/ 169000 w 12194393"/>
              <a:gd name="connsiteY1" fmla="*/ 0 h 6858694"/>
              <a:gd name="connsiteX2" fmla="*/ 12194393 w 12194393"/>
              <a:gd name="connsiteY2" fmla="*/ 695 h 6858694"/>
              <a:gd name="connsiteX3" fmla="*/ 12194393 w 12194393"/>
              <a:gd name="connsiteY3" fmla="*/ 6858694 h 6858694"/>
              <a:gd name="connsiteX4" fmla="*/ 2393 w 12194393"/>
              <a:gd name="connsiteY4" fmla="*/ 6858694 h 6858694"/>
              <a:gd name="connsiteX5" fmla="*/ 0 w 12194393"/>
              <a:gd name="connsiteY5" fmla="*/ 6546182 h 6858694"/>
              <a:gd name="connsiteX6" fmla="*/ 518 w 12194393"/>
              <a:gd name="connsiteY6" fmla="*/ 3260344 h 6858694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5937708 w 12194393"/>
              <a:gd name="connsiteY4" fmla="*/ 6859749 h 6859749"/>
              <a:gd name="connsiteX5" fmla="*/ 2393 w 12194393"/>
              <a:gd name="connsiteY5" fmla="*/ 6858694 h 6859749"/>
              <a:gd name="connsiteX6" fmla="*/ 0 w 12194393"/>
              <a:gd name="connsiteY6" fmla="*/ 6546182 h 6859749"/>
              <a:gd name="connsiteX7" fmla="*/ 518 w 12194393"/>
              <a:gd name="connsiteY7" fmla="*/ 3260344 h 6859749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5937708 w 12194393"/>
              <a:gd name="connsiteY4" fmla="*/ 6859749 h 6859749"/>
              <a:gd name="connsiteX5" fmla="*/ 0 w 12194393"/>
              <a:gd name="connsiteY5" fmla="*/ 6546182 h 6859749"/>
              <a:gd name="connsiteX6" fmla="*/ 518 w 12194393"/>
              <a:gd name="connsiteY6" fmla="*/ 3260344 h 6859749"/>
              <a:gd name="connsiteX0" fmla="*/ 518 w 12194393"/>
              <a:gd name="connsiteY0" fmla="*/ 3260344 h 6859749"/>
              <a:gd name="connsiteX1" fmla="*/ 169000 w 12194393"/>
              <a:gd name="connsiteY1" fmla="*/ 0 h 6859749"/>
              <a:gd name="connsiteX2" fmla="*/ 12194393 w 12194393"/>
              <a:gd name="connsiteY2" fmla="*/ 695 h 6859749"/>
              <a:gd name="connsiteX3" fmla="*/ 12194393 w 12194393"/>
              <a:gd name="connsiteY3" fmla="*/ 6858694 h 6859749"/>
              <a:gd name="connsiteX4" fmla="*/ 12028035 w 12194393"/>
              <a:gd name="connsiteY4" fmla="*/ 6854636 h 6859749"/>
              <a:gd name="connsiteX5" fmla="*/ 5937708 w 12194393"/>
              <a:gd name="connsiteY5" fmla="*/ 6859749 h 6859749"/>
              <a:gd name="connsiteX6" fmla="*/ 0 w 12194393"/>
              <a:gd name="connsiteY6" fmla="*/ 6546182 h 6859749"/>
              <a:gd name="connsiteX7" fmla="*/ 518 w 12194393"/>
              <a:gd name="connsiteY7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7276 w 12197276"/>
              <a:gd name="connsiteY3" fmla="*/ 3625329 h 6859749"/>
              <a:gd name="connsiteX4" fmla="*/ 12194393 w 12197276"/>
              <a:gd name="connsiteY4" fmla="*/ 6858694 h 6859749"/>
              <a:gd name="connsiteX5" fmla="*/ 12028035 w 12197276"/>
              <a:gd name="connsiteY5" fmla="*/ 6854636 h 6859749"/>
              <a:gd name="connsiteX6" fmla="*/ 5937708 w 12197276"/>
              <a:gd name="connsiteY6" fmla="*/ 6859749 h 6859749"/>
              <a:gd name="connsiteX7" fmla="*/ 0 w 12197276"/>
              <a:gd name="connsiteY7" fmla="*/ 6546182 h 6859749"/>
              <a:gd name="connsiteX8" fmla="*/ 518 w 12197276"/>
              <a:gd name="connsiteY8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7276 w 12197276"/>
              <a:gd name="connsiteY3" fmla="*/ 3625329 h 6859749"/>
              <a:gd name="connsiteX4" fmla="*/ 12028035 w 12197276"/>
              <a:gd name="connsiteY4" fmla="*/ 6854636 h 6859749"/>
              <a:gd name="connsiteX5" fmla="*/ 5937708 w 12197276"/>
              <a:gd name="connsiteY5" fmla="*/ 6859749 h 6859749"/>
              <a:gd name="connsiteX6" fmla="*/ 0 w 12197276"/>
              <a:gd name="connsiteY6" fmla="*/ 6546182 h 6859749"/>
              <a:gd name="connsiteX7" fmla="*/ 518 w 12197276"/>
              <a:gd name="connsiteY7" fmla="*/ 3260344 h 6859749"/>
              <a:gd name="connsiteX0" fmla="*/ 518 w 12197276"/>
              <a:gd name="connsiteY0" fmla="*/ 3260344 h 6859749"/>
              <a:gd name="connsiteX1" fmla="*/ 169000 w 12197276"/>
              <a:gd name="connsiteY1" fmla="*/ 0 h 6859749"/>
              <a:gd name="connsiteX2" fmla="*/ 12194393 w 12197276"/>
              <a:gd name="connsiteY2" fmla="*/ 695 h 6859749"/>
              <a:gd name="connsiteX3" fmla="*/ 12192279 w 12197276"/>
              <a:gd name="connsiteY3" fmla="*/ 308202 h 6859749"/>
              <a:gd name="connsiteX4" fmla="*/ 12197276 w 12197276"/>
              <a:gd name="connsiteY4" fmla="*/ 3625329 h 6859749"/>
              <a:gd name="connsiteX5" fmla="*/ 12028035 w 12197276"/>
              <a:gd name="connsiteY5" fmla="*/ 6854636 h 6859749"/>
              <a:gd name="connsiteX6" fmla="*/ 5937708 w 12197276"/>
              <a:gd name="connsiteY6" fmla="*/ 6859749 h 6859749"/>
              <a:gd name="connsiteX7" fmla="*/ 0 w 12197276"/>
              <a:gd name="connsiteY7" fmla="*/ 6546182 h 6859749"/>
              <a:gd name="connsiteX8" fmla="*/ 518 w 12197276"/>
              <a:gd name="connsiteY8" fmla="*/ 3260344 h 6859749"/>
              <a:gd name="connsiteX0" fmla="*/ 518 w 12197276"/>
              <a:gd name="connsiteY0" fmla="*/ 3262822 h 6862227"/>
              <a:gd name="connsiteX1" fmla="*/ 169000 w 12197276"/>
              <a:gd name="connsiteY1" fmla="*/ 2478 h 6862227"/>
              <a:gd name="connsiteX2" fmla="*/ 6218652 w 12197276"/>
              <a:gd name="connsiteY2" fmla="*/ 0 h 6862227"/>
              <a:gd name="connsiteX3" fmla="*/ 12194393 w 12197276"/>
              <a:gd name="connsiteY3" fmla="*/ 3173 h 6862227"/>
              <a:gd name="connsiteX4" fmla="*/ 12192279 w 12197276"/>
              <a:gd name="connsiteY4" fmla="*/ 310680 h 6862227"/>
              <a:gd name="connsiteX5" fmla="*/ 12197276 w 12197276"/>
              <a:gd name="connsiteY5" fmla="*/ 3627807 h 6862227"/>
              <a:gd name="connsiteX6" fmla="*/ 12028035 w 12197276"/>
              <a:gd name="connsiteY6" fmla="*/ 6857114 h 6862227"/>
              <a:gd name="connsiteX7" fmla="*/ 5937708 w 12197276"/>
              <a:gd name="connsiteY7" fmla="*/ 6862227 h 6862227"/>
              <a:gd name="connsiteX8" fmla="*/ 0 w 12197276"/>
              <a:gd name="connsiteY8" fmla="*/ 6548660 h 6862227"/>
              <a:gd name="connsiteX9" fmla="*/ 518 w 12197276"/>
              <a:gd name="connsiteY9" fmla="*/ 3262822 h 6862227"/>
              <a:gd name="connsiteX0" fmla="*/ 518 w 12197276"/>
              <a:gd name="connsiteY0" fmla="*/ 3262822 h 6862227"/>
              <a:gd name="connsiteX1" fmla="*/ 169000 w 12197276"/>
              <a:gd name="connsiteY1" fmla="*/ 2478 h 6862227"/>
              <a:gd name="connsiteX2" fmla="*/ 6218652 w 12197276"/>
              <a:gd name="connsiteY2" fmla="*/ 0 h 6862227"/>
              <a:gd name="connsiteX3" fmla="*/ 12192279 w 12197276"/>
              <a:gd name="connsiteY3" fmla="*/ 310680 h 6862227"/>
              <a:gd name="connsiteX4" fmla="*/ 12197276 w 12197276"/>
              <a:gd name="connsiteY4" fmla="*/ 3627807 h 6862227"/>
              <a:gd name="connsiteX5" fmla="*/ 12028035 w 12197276"/>
              <a:gd name="connsiteY5" fmla="*/ 6857114 h 6862227"/>
              <a:gd name="connsiteX6" fmla="*/ 5937708 w 12197276"/>
              <a:gd name="connsiteY6" fmla="*/ 6862227 h 6862227"/>
              <a:gd name="connsiteX7" fmla="*/ 0 w 12197276"/>
              <a:gd name="connsiteY7" fmla="*/ 6548660 h 6862227"/>
              <a:gd name="connsiteX8" fmla="*/ 518 w 12197276"/>
              <a:gd name="connsiteY8" fmla="*/ 3262822 h 68622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197276" h="6862227">
                <a:moveTo>
                  <a:pt x="518" y="3262822"/>
                </a:moveTo>
                <a:lnTo>
                  <a:pt x="169000" y="2478"/>
                </a:lnTo>
                <a:lnTo>
                  <a:pt x="6218652" y="0"/>
                </a:lnTo>
                <a:lnTo>
                  <a:pt x="12192279" y="310680"/>
                </a:lnTo>
                <a:cubicBezTo>
                  <a:pt x="12193945" y="1416389"/>
                  <a:pt x="12195610" y="2522098"/>
                  <a:pt x="12197276" y="3627807"/>
                </a:cubicBezTo>
                <a:lnTo>
                  <a:pt x="12028035" y="6857114"/>
                </a:lnTo>
                <a:lnTo>
                  <a:pt x="5937708" y="6862227"/>
                </a:lnTo>
                <a:lnTo>
                  <a:pt x="0" y="6548660"/>
                </a:lnTo>
                <a:cubicBezTo>
                  <a:pt x="173" y="5453381"/>
                  <a:pt x="345" y="4358101"/>
                  <a:pt x="518" y="3262822"/>
                </a:cubicBezTo>
                <a:close/>
              </a:path>
            </a:pathLst>
          </a:custGeom>
          <a:solidFill>
            <a:srgbClr val="D9D9D9"/>
          </a:solidFill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GB" err="1"/>
              <a:t>Indsæt</a:t>
            </a:r>
            <a:r>
              <a:rPr lang="en-GB"/>
              <a:t> </a:t>
            </a:r>
            <a:r>
              <a:rPr lang="en-GB" err="1"/>
              <a:t>billede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686259C4-3839-48E3-B78B-BB2623FA8D2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0"/>
            <a:ext cx="1501200" cy="10440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19" name="Text Placeholder 14">
            <a:extLst>
              <a:ext uri="{FF2B5EF4-FFF2-40B4-BE49-F238E27FC236}">
                <a16:creationId xmlns:a16="http://schemas.microsoft.com/office/drawing/2014/main" id="{82DF12C5-15BB-4C57-B62C-D33DABB1EA3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381011" y="5306955"/>
            <a:ext cx="1422000" cy="1044000"/>
          </a:xfrm>
          <a:blipFill>
            <a:blip r:embed="rId4" cstate="hqprint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7DE868F4-8E6D-8E14-A580-EE21A2776A5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58812" y="2886075"/>
            <a:ext cx="4532313" cy="3228975"/>
          </a:xfrm>
        </p:spPr>
        <p:txBody>
          <a:bodyPr anchor="b" anchorCtr="0"/>
          <a:lstStyle>
            <a:lvl1pPr marL="0" indent="0" algn="l">
              <a:buFontTx/>
              <a:buNone/>
              <a:defRPr sz="3300" b="1">
                <a:solidFill>
                  <a:schemeClr val="bg1"/>
                </a:solidFill>
                <a:latin typeface="+mj-lt"/>
              </a:defRPr>
            </a:lvl1pPr>
            <a:lvl2pPr marL="144000" indent="0" algn="ctr">
              <a:buFontTx/>
              <a:buNone/>
              <a:defRPr>
                <a:solidFill>
                  <a:schemeClr val="bg1"/>
                </a:solidFill>
                <a:latin typeface="+mj-lt"/>
              </a:defRPr>
            </a:lvl2pPr>
            <a:lvl3pPr marL="288000" indent="0" algn="ctr">
              <a:buFontTx/>
              <a:buNone/>
              <a:defRPr>
                <a:solidFill>
                  <a:schemeClr val="bg1"/>
                </a:solidFill>
                <a:latin typeface="+mj-lt"/>
              </a:defRPr>
            </a:lvl3pPr>
            <a:lvl4pPr marL="432000" indent="0" algn="ctr">
              <a:buFontTx/>
              <a:buNone/>
              <a:defRPr>
                <a:solidFill>
                  <a:schemeClr val="bg1"/>
                </a:solidFill>
                <a:latin typeface="+mj-lt"/>
              </a:defRPr>
            </a:lvl4pPr>
            <a:lvl5pPr marL="576000" indent="0" algn="ctr">
              <a:buFontTx/>
              <a:buNone/>
              <a:defRPr>
                <a:solidFill>
                  <a:schemeClr val="bg1"/>
                </a:solidFill>
                <a:latin typeface="+mj-lt"/>
              </a:defRPr>
            </a:lvl5pPr>
          </a:lstStyle>
          <a:p>
            <a:pPr lvl="0"/>
            <a:r>
              <a:rPr lang="da-DK"/>
              <a:t>Klik for at redigere tekst</a:t>
            </a:r>
          </a:p>
        </p:txBody>
      </p:sp>
    </p:spTree>
    <p:extLst>
      <p:ext uri="{BB962C8B-B14F-4D97-AF65-F5344CB8AC3E}">
        <p14:creationId xmlns:p14="http://schemas.microsoft.com/office/powerpoint/2010/main" val="18667986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">
          <p15:clr>
            <a:srgbClr val="A4A3A4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utside -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400BFE8A-5EDB-5446-7A1A-266FC7F8FA23}"/>
              </a:ext>
            </a:extLst>
          </p:cNvPr>
          <p:cNvSpPr/>
          <p:nvPr userDrawn="1"/>
        </p:nvSpPr>
        <p:spPr>
          <a:xfrm rot="180000">
            <a:off x="-10122" y="-3260"/>
            <a:ext cx="12215661" cy="6862155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0 h 6858000"/>
              <a:gd name="connsiteX0" fmla="*/ 5020 w 12197020"/>
              <a:gd name="connsiteY0" fmla="*/ 0 h 6858000"/>
              <a:gd name="connsiteX1" fmla="*/ 12197020 w 12197020"/>
              <a:gd name="connsiteY1" fmla="*/ 0 h 6858000"/>
              <a:gd name="connsiteX2" fmla="*/ 12197020 w 12197020"/>
              <a:gd name="connsiteY2" fmla="*/ 6858000 h 6858000"/>
              <a:gd name="connsiteX3" fmla="*/ 5020 w 12197020"/>
              <a:gd name="connsiteY3" fmla="*/ 6858000 h 6858000"/>
              <a:gd name="connsiteX4" fmla="*/ 0 w 12197020"/>
              <a:gd name="connsiteY4" fmla="*/ 307881 h 6858000"/>
              <a:gd name="connsiteX5" fmla="*/ 5020 w 12197020"/>
              <a:gd name="connsiteY5" fmla="*/ 0 h 6858000"/>
              <a:gd name="connsiteX0" fmla="*/ 904600 w 13096600"/>
              <a:gd name="connsiteY0" fmla="*/ 0 h 6858000"/>
              <a:gd name="connsiteX1" fmla="*/ 13096600 w 13096600"/>
              <a:gd name="connsiteY1" fmla="*/ 0 h 6858000"/>
              <a:gd name="connsiteX2" fmla="*/ 13096600 w 13096600"/>
              <a:gd name="connsiteY2" fmla="*/ 6858000 h 6858000"/>
              <a:gd name="connsiteX3" fmla="*/ 904600 w 13096600"/>
              <a:gd name="connsiteY3" fmla="*/ 6858000 h 6858000"/>
              <a:gd name="connsiteX4" fmla="*/ 899580 w 13096600"/>
              <a:gd name="connsiteY4" fmla="*/ 307881 h 6858000"/>
              <a:gd name="connsiteX5" fmla="*/ 899580 w 13096600"/>
              <a:gd name="connsiteY5" fmla="*/ 307881 h 6858000"/>
              <a:gd name="connsiteX6" fmla="*/ 904600 w 13096600"/>
              <a:gd name="connsiteY6" fmla="*/ 0 h 6858000"/>
              <a:gd name="connsiteX0" fmla="*/ 904600 w 13096600"/>
              <a:gd name="connsiteY0" fmla="*/ 3038 h 6861038"/>
              <a:gd name="connsiteX1" fmla="*/ 6923270 w 13096600"/>
              <a:gd name="connsiteY1" fmla="*/ 0 h 6861038"/>
              <a:gd name="connsiteX2" fmla="*/ 13096600 w 13096600"/>
              <a:gd name="connsiteY2" fmla="*/ 3038 h 6861038"/>
              <a:gd name="connsiteX3" fmla="*/ 13096600 w 13096600"/>
              <a:gd name="connsiteY3" fmla="*/ 6861038 h 6861038"/>
              <a:gd name="connsiteX4" fmla="*/ 904600 w 13096600"/>
              <a:gd name="connsiteY4" fmla="*/ 6861038 h 6861038"/>
              <a:gd name="connsiteX5" fmla="*/ 899580 w 13096600"/>
              <a:gd name="connsiteY5" fmla="*/ 310919 h 6861038"/>
              <a:gd name="connsiteX6" fmla="*/ 899580 w 13096600"/>
              <a:gd name="connsiteY6" fmla="*/ 310919 h 6861038"/>
              <a:gd name="connsiteX7" fmla="*/ 904600 w 13096600"/>
              <a:gd name="connsiteY7" fmla="*/ 3038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1228 h 6861347"/>
              <a:gd name="connsiteX1" fmla="*/ 6023690 w 12197020"/>
              <a:gd name="connsiteY1" fmla="*/ 309 h 6861347"/>
              <a:gd name="connsiteX2" fmla="*/ 12032502 w 12197020"/>
              <a:gd name="connsiteY2" fmla="*/ 0 h 6861347"/>
              <a:gd name="connsiteX3" fmla="*/ 12197020 w 12197020"/>
              <a:gd name="connsiteY3" fmla="*/ 3347 h 6861347"/>
              <a:gd name="connsiteX4" fmla="*/ 12197020 w 12197020"/>
              <a:gd name="connsiteY4" fmla="*/ 6861347 h 6861347"/>
              <a:gd name="connsiteX5" fmla="*/ 5020 w 12197020"/>
              <a:gd name="connsiteY5" fmla="*/ 6861347 h 6861347"/>
              <a:gd name="connsiteX6" fmla="*/ 0 w 12197020"/>
              <a:gd name="connsiteY6" fmla="*/ 311228 h 6861347"/>
              <a:gd name="connsiteX7" fmla="*/ 0 w 12197020"/>
              <a:gd name="connsiteY7" fmla="*/ 311228 h 6861347"/>
              <a:gd name="connsiteX0" fmla="*/ 0 w 12198399"/>
              <a:gd name="connsiteY0" fmla="*/ 311228 h 6861347"/>
              <a:gd name="connsiteX1" fmla="*/ 6023690 w 12198399"/>
              <a:gd name="connsiteY1" fmla="*/ 309 h 6861347"/>
              <a:gd name="connsiteX2" fmla="*/ 12032502 w 12198399"/>
              <a:gd name="connsiteY2" fmla="*/ 0 h 6861347"/>
              <a:gd name="connsiteX3" fmla="*/ 12197020 w 12198399"/>
              <a:gd name="connsiteY3" fmla="*/ 3347 h 6861347"/>
              <a:gd name="connsiteX4" fmla="*/ 12198399 w 12198399"/>
              <a:gd name="connsiteY4" fmla="*/ 3265624 h 6861347"/>
              <a:gd name="connsiteX5" fmla="*/ 12197020 w 12198399"/>
              <a:gd name="connsiteY5" fmla="*/ 6861347 h 6861347"/>
              <a:gd name="connsiteX6" fmla="*/ 5020 w 12198399"/>
              <a:gd name="connsiteY6" fmla="*/ 6861347 h 6861347"/>
              <a:gd name="connsiteX7" fmla="*/ 0 w 12198399"/>
              <a:gd name="connsiteY7" fmla="*/ 311228 h 6861347"/>
              <a:gd name="connsiteX8" fmla="*/ 0 w 12198399"/>
              <a:gd name="connsiteY8" fmla="*/ 311228 h 6861347"/>
              <a:gd name="connsiteX0" fmla="*/ 0 w 12198399"/>
              <a:gd name="connsiteY0" fmla="*/ 311228 h 6861347"/>
              <a:gd name="connsiteX1" fmla="*/ 6023690 w 12198399"/>
              <a:gd name="connsiteY1" fmla="*/ 309 h 6861347"/>
              <a:gd name="connsiteX2" fmla="*/ 12032502 w 12198399"/>
              <a:gd name="connsiteY2" fmla="*/ 0 h 6861347"/>
              <a:gd name="connsiteX3" fmla="*/ 12198399 w 12198399"/>
              <a:gd name="connsiteY3" fmla="*/ 3265624 h 6861347"/>
              <a:gd name="connsiteX4" fmla="*/ 12197020 w 12198399"/>
              <a:gd name="connsiteY4" fmla="*/ 6861347 h 6861347"/>
              <a:gd name="connsiteX5" fmla="*/ 5020 w 12198399"/>
              <a:gd name="connsiteY5" fmla="*/ 6861347 h 6861347"/>
              <a:gd name="connsiteX6" fmla="*/ 0 w 12198399"/>
              <a:gd name="connsiteY6" fmla="*/ 311228 h 6861347"/>
              <a:gd name="connsiteX7" fmla="*/ 0 w 12198399"/>
              <a:gd name="connsiteY7" fmla="*/ 311228 h 6861347"/>
              <a:gd name="connsiteX0" fmla="*/ 0 w 13100248"/>
              <a:gd name="connsiteY0" fmla="*/ 311228 h 6912889"/>
              <a:gd name="connsiteX1" fmla="*/ 6023690 w 13100248"/>
              <a:gd name="connsiteY1" fmla="*/ 309 h 6912889"/>
              <a:gd name="connsiteX2" fmla="*/ 12032502 w 13100248"/>
              <a:gd name="connsiteY2" fmla="*/ 0 h 6912889"/>
              <a:gd name="connsiteX3" fmla="*/ 12198399 w 13100248"/>
              <a:gd name="connsiteY3" fmla="*/ 3265624 h 6912889"/>
              <a:gd name="connsiteX4" fmla="*/ 12197527 w 13100248"/>
              <a:gd name="connsiteY4" fmla="*/ 6553107 h 6912889"/>
              <a:gd name="connsiteX5" fmla="*/ 12197020 w 13100248"/>
              <a:gd name="connsiteY5" fmla="*/ 6861347 h 6912889"/>
              <a:gd name="connsiteX6" fmla="*/ 5020 w 13100248"/>
              <a:gd name="connsiteY6" fmla="*/ 6861347 h 6912889"/>
              <a:gd name="connsiteX7" fmla="*/ 0 w 13100248"/>
              <a:gd name="connsiteY7" fmla="*/ 311228 h 6912889"/>
              <a:gd name="connsiteX8" fmla="*/ 0 w 13100248"/>
              <a:gd name="connsiteY8" fmla="*/ 311228 h 6912889"/>
              <a:gd name="connsiteX0" fmla="*/ 0 w 12636493"/>
              <a:gd name="connsiteY0" fmla="*/ 311228 h 6913047"/>
              <a:gd name="connsiteX1" fmla="*/ 6023690 w 12636493"/>
              <a:gd name="connsiteY1" fmla="*/ 309 h 6913047"/>
              <a:gd name="connsiteX2" fmla="*/ 12032502 w 12636493"/>
              <a:gd name="connsiteY2" fmla="*/ 0 h 6913047"/>
              <a:gd name="connsiteX3" fmla="*/ 12198399 w 12636493"/>
              <a:gd name="connsiteY3" fmla="*/ 3265624 h 6913047"/>
              <a:gd name="connsiteX4" fmla="*/ 12197527 w 12636493"/>
              <a:gd name="connsiteY4" fmla="*/ 6553107 h 6913047"/>
              <a:gd name="connsiteX5" fmla="*/ 12197020 w 12636493"/>
              <a:gd name="connsiteY5" fmla="*/ 6861347 h 6913047"/>
              <a:gd name="connsiteX6" fmla="*/ 6265722 w 12636493"/>
              <a:gd name="connsiteY6" fmla="*/ 6858733 h 6913047"/>
              <a:gd name="connsiteX7" fmla="*/ 5020 w 12636493"/>
              <a:gd name="connsiteY7" fmla="*/ 6861347 h 6913047"/>
              <a:gd name="connsiteX8" fmla="*/ 0 w 12636493"/>
              <a:gd name="connsiteY8" fmla="*/ 311228 h 6913047"/>
              <a:gd name="connsiteX9" fmla="*/ 0 w 12636493"/>
              <a:gd name="connsiteY9" fmla="*/ 311228 h 6913047"/>
              <a:gd name="connsiteX0" fmla="*/ 0 w 12643392"/>
              <a:gd name="connsiteY0" fmla="*/ 311228 h 6911477"/>
              <a:gd name="connsiteX1" fmla="*/ 6023690 w 12643392"/>
              <a:gd name="connsiteY1" fmla="*/ 309 h 6911477"/>
              <a:gd name="connsiteX2" fmla="*/ 12032502 w 12643392"/>
              <a:gd name="connsiteY2" fmla="*/ 0 h 6911477"/>
              <a:gd name="connsiteX3" fmla="*/ 12198399 w 12643392"/>
              <a:gd name="connsiteY3" fmla="*/ 3265624 h 6911477"/>
              <a:gd name="connsiteX4" fmla="*/ 12197527 w 12643392"/>
              <a:gd name="connsiteY4" fmla="*/ 6553107 h 6911477"/>
              <a:gd name="connsiteX5" fmla="*/ 6265722 w 12643392"/>
              <a:gd name="connsiteY5" fmla="*/ 6858733 h 6911477"/>
              <a:gd name="connsiteX6" fmla="*/ 5020 w 12643392"/>
              <a:gd name="connsiteY6" fmla="*/ 6861347 h 6911477"/>
              <a:gd name="connsiteX7" fmla="*/ 0 w 12643392"/>
              <a:gd name="connsiteY7" fmla="*/ 311228 h 6911477"/>
              <a:gd name="connsiteX8" fmla="*/ 0 w 12643392"/>
              <a:gd name="connsiteY8" fmla="*/ 311228 h 6911477"/>
              <a:gd name="connsiteX0" fmla="*/ 0 w 12643392"/>
              <a:gd name="connsiteY0" fmla="*/ 311228 h 6911477"/>
              <a:gd name="connsiteX1" fmla="*/ 6023690 w 12643392"/>
              <a:gd name="connsiteY1" fmla="*/ 309 h 6911477"/>
              <a:gd name="connsiteX2" fmla="*/ 12032502 w 12643392"/>
              <a:gd name="connsiteY2" fmla="*/ 0 h 6911477"/>
              <a:gd name="connsiteX3" fmla="*/ 12198399 w 12643392"/>
              <a:gd name="connsiteY3" fmla="*/ 3265624 h 6911477"/>
              <a:gd name="connsiteX4" fmla="*/ 12197527 w 12643392"/>
              <a:gd name="connsiteY4" fmla="*/ 6553107 h 6911477"/>
              <a:gd name="connsiteX5" fmla="*/ 6265722 w 12643392"/>
              <a:gd name="connsiteY5" fmla="*/ 6858733 h 6911477"/>
              <a:gd name="connsiteX6" fmla="*/ 5020 w 12643392"/>
              <a:gd name="connsiteY6" fmla="*/ 6861347 h 6911477"/>
              <a:gd name="connsiteX7" fmla="*/ 0 w 12643392"/>
              <a:gd name="connsiteY7" fmla="*/ 311228 h 6911477"/>
              <a:gd name="connsiteX8" fmla="*/ 0 w 12643392"/>
              <a:gd name="connsiteY8" fmla="*/ 311228 h 6911477"/>
              <a:gd name="connsiteX0" fmla="*/ 0 w 12210495"/>
              <a:gd name="connsiteY0" fmla="*/ 311228 h 6911477"/>
              <a:gd name="connsiteX1" fmla="*/ 6023690 w 12210495"/>
              <a:gd name="connsiteY1" fmla="*/ 309 h 6911477"/>
              <a:gd name="connsiteX2" fmla="*/ 12032502 w 12210495"/>
              <a:gd name="connsiteY2" fmla="*/ 0 h 6911477"/>
              <a:gd name="connsiteX3" fmla="*/ 12198399 w 12210495"/>
              <a:gd name="connsiteY3" fmla="*/ 3265624 h 6911477"/>
              <a:gd name="connsiteX4" fmla="*/ 12197527 w 12210495"/>
              <a:gd name="connsiteY4" fmla="*/ 6553107 h 6911477"/>
              <a:gd name="connsiteX5" fmla="*/ 6265722 w 12210495"/>
              <a:gd name="connsiteY5" fmla="*/ 6858733 h 6911477"/>
              <a:gd name="connsiteX6" fmla="*/ 5020 w 12210495"/>
              <a:gd name="connsiteY6" fmla="*/ 6861347 h 6911477"/>
              <a:gd name="connsiteX7" fmla="*/ 0 w 12210495"/>
              <a:gd name="connsiteY7" fmla="*/ 311228 h 6911477"/>
              <a:gd name="connsiteX8" fmla="*/ 0 w 12210495"/>
              <a:gd name="connsiteY8" fmla="*/ 311228 h 6911477"/>
              <a:gd name="connsiteX0" fmla="*/ 0 w 12210495"/>
              <a:gd name="connsiteY0" fmla="*/ 311228 h 6930192"/>
              <a:gd name="connsiteX1" fmla="*/ 6023690 w 12210495"/>
              <a:gd name="connsiteY1" fmla="*/ 309 h 6930192"/>
              <a:gd name="connsiteX2" fmla="*/ 12032502 w 12210495"/>
              <a:gd name="connsiteY2" fmla="*/ 0 h 6930192"/>
              <a:gd name="connsiteX3" fmla="*/ 12198399 w 12210495"/>
              <a:gd name="connsiteY3" fmla="*/ 3265624 h 6930192"/>
              <a:gd name="connsiteX4" fmla="*/ 12197527 w 12210495"/>
              <a:gd name="connsiteY4" fmla="*/ 6553107 h 6930192"/>
              <a:gd name="connsiteX5" fmla="*/ 6265722 w 12210495"/>
              <a:gd name="connsiteY5" fmla="*/ 6858733 h 6930192"/>
              <a:gd name="connsiteX6" fmla="*/ 5020 w 12210495"/>
              <a:gd name="connsiteY6" fmla="*/ 6861347 h 6930192"/>
              <a:gd name="connsiteX7" fmla="*/ 0 w 12210495"/>
              <a:gd name="connsiteY7" fmla="*/ 311228 h 6930192"/>
              <a:gd name="connsiteX8" fmla="*/ 0 w 12210495"/>
              <a:gd name="connsiteY8" fmla="*/ 311228 h 6930192"/>
              <a:gd name="connsiteX0" fmla="*/ 0 w 12210495"/>
              <a:gd name="connsiteY0" fmla="*/ 311228 h 6930192"/>
              <a:gd name="connsiteX1" fmla="*/ 6023690 w 12210495"/>
              <a:gd name="connsiteY1" fmla="*/ 309 h 6930192"/>
              <a:gd name="connsiteX2" fmla="*/ 12032502 w 12210495"/>
              <a:gd name="connsiteY2" fmla="*/ 0 h 6930192"/>
              <a:gd name="connsiteX3" fmla="*/ 12198399 w 12210495"/>
              <a:gd name="connsiteY3" fmla="*/ 3265624 h 6930192"/>
              <a:gd name="connsiteX4" fmla="*/ 12197527 w 12210495"/>
              <a:gd name="connsiteY4" fmla="*/ 6553107 h 6930192"/>
              <a:gd name="connsiteX5" fmla="*/ 6265722 w 12210495"/>
              <a:gd name="connsiteY5" fmla="*/ 6858733 h 6930192"/>
              <a:gd name="connsiteX6" fmla="*/ 5020 w 12210495"/>
              <a:gd name="connsiteY6" fmla="*/ 6861347 h 6930192"/>
              <a:gd name="connsiteX7" fmla="*/ 0 w 12210495"/>
              <a:gd name="connsiteY7" fmla="*/ 311228 h 6930192"/>
              <a:gd name="connsiteX8" fmla="*/ 0 w 12210495"/>
              <a:gd name="connsiteY8" fmla="*/ 311228 h 6930192"/>
              <a:gd name="connsiteX0" fmla="*/ 0 w 12643392"/>
              <a:gd name="connsiteY0" fmla="*/ 311228 h 6930192"/>
              <a:gd name="connsiteX1" fmla="*/ 6023690 w 12643392"/>
              <a:gd name="connsiteY1" fmla="*/ 309 h 6930192"/>
              <a:gd name="connsiteX2" fmla="*/ 12032502 w 12643392"/>
              <a:gd name="connsiteY2" fmla="*/ 0 h 6930192"/>
              <a:gd name="connsiteX3" fmla="*/ 12198399 w 12643392"/>
              <a:gd name="connsiteY3" fmla="*/ 3265624 h 6930192"/>
              <a:gd name="connsiteX4" fmla="*/ 12197527 w 12643392"/>
              <a:gd name="connsiteY4" fmla="*/ 6553107 h 6930192"/>
              <a:gd name="connsiteX5" fmla="*/ 6265722 w 12643392"/>
              <a:gd name="connsiteY5" fmla="*/ 6858733 h 6930192"/>
              <a:gd name="connsiteX6" fmla="*/ 5020 w 12643392"/>
              <a:gd name="connsiteY6" fmla="*/ 6861347 h 6930192"/>
              <a:gd name="connsiteX7" fmla="*/ 0 w 12643392"/>
              <a:gd name="connsiteY7" fmla="*/ 311228 h 6930192"/>
              <a:gd name="connsiteX8" fmla="*/ 0 w 12643392"/>
              <a:gd name="connsiteY8" fmla="*/ 311228 h 6930192"/>
              <a:gd name="connsiteX0" fmla="*/ 0 w 12210495"/>
              <a:gd name="connsiteY0" fmla="*/ 311228 h 6930192"/>
              <a:gd name="connsiteX1" fmla="*/ 6023690 w 12210495"/>
              <a:gd name="connsiteY1" fmla="*/ 309 h 6930192"/>
              <a:gd name="connsiteX2" fmla="*/ 12032502 w 12210495"/>
              <a:gd name="connsiteY2" fmla="*/ 0 h 6930192"/>
              <a:gd name="connsiteX3" fmla="*/ 12198399 w 12210495"/>
              <a:gd name="connsiteY3" fmla="*/ 3265624 h 6930192"/>
              <a:gd name="connsiteX4" fmla="*/ 12197527 w 12210495"/>
              <a:gd name="connsiteY4" fmla="*/ 6553107 h 6930192"/>
              <a:gd name="connsiteX5" fmla="*/ 6265722 w 12210495"/>
              <a:gd name="connsiteY5" fmla="*/ 6858733 h 6930192"/>
              <a:gd name="connsiteX6" fmla="*/ 5020 w 12210495"/>
              <a:gd name="connsiteY6" fmla="*/ 6861347 h 6930192"/>
              <a:gd name="connsiteX7" fmla="*/ 0 w 12210495"/>
              <a:gd name="connsiteY7" fmla="*/ 311228 h 6930192"/>
              <a:gd name="connsiteX8" fmla="*/ 0 w 12210495"/>
              <a:gd name="connsiteY8" fmla="*/ 311228 h 6930192"/>
              <a:gd name="connsiteX0" fmla="*/ 0 w 12210495"/>
              <a:gd name="connsiteY0" fmla="*/ 311228 h 6861347"/>
              <a:gd name="connsiteX1" fmla="*/ 6023690 w 12210495"/>
              <a:gd name="connsiteY1" fmla="*/ 309 h 6861347"/>
              <a:gd name="connsiteX2" fmla="*/ 12032502 w 12210495"/>
              <a:gd name="connsiteY2" fmla="*/ 0 h 6861347"/>
              <a:gd name="connsiteX3" fmla="*/ 12198399 w 12210495"/>
              <a:gd name="connsiteY3" fmla="*/ 3265624 h 6861347"/>
              <a:gd name="connsiteX4" fmla="*/ 12197527 w 12210495"/>
              <a:gd name="connsiteY4" fmla="*/ 6553107 h 6861347"/>
              <a:gd name="connsiteX5" fmla="*/ 6265722 w 12210495"/>
              <a:gd name="connsiteY5" fmla="*/ 6858733 h 6861347"/>
              <a:gd name="connsiteX6" fmla="*/ 5020 w 12210495"/>
              <a:gd name="connsiteY6" fmla="*/ 6861347 h 6861347"/>
              <a:gd name="connsiteX7" fmla="*/ 0 w 12210495"/>
              <a:gd name="connsiteY7" fmla="*/ 311228 h 6861347"/>
              <a:gd name="connsiteX8" fmla="*/ 0 w 12210495"/>
              <a:gd name="connsiteY8" fmla="*/ 311228 h 6861347"/>
              <a:gd name="connsiteX0" fmla="*/ 0 w 12210495"/>
              <a:gd name="connsiteY0" fmla="*/ 311228 h 6861347"/>
              <a:gd name="connsiteX1" fmla="*/ 6023690 w 12210495"/>
              <a:gd name="connsiteY1" fmla="*/ 309 h 6861347"/>
              <a:gd name="connsiteX2" fmla="*/ 12032502 w 12210495"/>
              <a:gd name="connsiteY2" fmla="*/ 0 h 6861347"/>
              <a:gd name="connsiteX3" fmla="*/ 12198399 w 12210495"/>
              <a:gd name="connsiteY3" fmla="*/ 3265624 h 6861347"/>
              <a:gd name="connsiteX4" fmla="*/ 12197527 w 12210495"/>
              <a:gd name="connsiteY4" fmla="*/ 6553107 h 6861347"/>
              <a:gd name="connsiteX5" fmla="*/ 6265722 w 12210495"/>
              <a:gd name="connsiteY5" fmla="*/ 6858733 h 6861347"/>
              <a:gd name="connsiteX6" fmla="*/ 5020 w 12210495"/>
              <a:gd name="connsiteY6" fmla="*/ 6861347 h 6861347"/>
              <a:gd name="connsiteX7" fmla="*/ 0 w 12210495"/>
              <a:gd name="connsiteY7" fmla="*/ 311228 h 6861347"/>
              <a:gd name="connsiteX8" fmla="*/ 0 w 12210495"/>
              <a:gd name="connsiteY8" fmla="*/ 311228 h 6861347"/>
              <a:gd name="connsiteX0" fmla="*/ 0 w 12210495"/>
              <a:gd name="connsiteY0" fmla="*/ 311228 h 6861347"/>
              <a:gd name="connsiteX1" fmla="*/ 6023690 w 12210495"/>
              <a:gd name="connsiteY1" fmla="*/ 309 h 6861347"/>
              <a:gd name="connsiteX2" fmla="*/ 12032502 w 12210495"/>
              <a:gd name="connsiteY2" fmla="*/ 0 h 6861347"/>
              <a:gd name="connsiteX3" fmla="*/ 12198399 w 12210495"/>
              <a:gd name="connsiteY3" fmla="*/ 3265624 h 6861347"/>
              <a:gd name="connsiteX4" fmla="*/ 12197527 w 12210495"/>
              <a:gd name="connsiteY4" fmla="*/ 6553107 h 6861347"/>
              <a:gd name="connsiteX5" fmla="*/ 6265722 w 12210495"/>
              <a:gd name="connsiteY5" fmla="*/ 6858733 h 6861347"/>
              <a:gd name="connsiteX6" fmla="*/ 5020 w 12210495"/>
              <a:gd name="connsiteY6" fmla="*/ 6861347 h 6861347"/>
              <a:gd name="connsiteX7" fmla="*/ 0 w 12210495"/>
              <a:gd name="connsiteY7" fmla="*/ 311228 h 6861347"/>
              <a:gd name="connsiteX8" fmla="*/ 0 w 12210495"/>
              <a:gd name="connsiteY8" fmla="*/ 311228 h 6861347"/>
              <a:gd name="connsiteX0" fmla="*/ 0 w 12210495"/>
              <a:gd name="connsiteY0" fmla="*/ 311228 h 6861347"/>
              <a:gd name="connsiteX1" fmla="*/ 6023690 w 12210495"/>
              <a:gd name="connsiteY1" fmla="*/ 309 h 6861347"/>
              <a:gd name="connsiteX2" fmla="*/ 12032502 w 12210495"/>
              <a:gd name="connsiteY2" fmla="*/ 0 h 6861347"/>
              <a:gd name="connsiteX3" fmla="*/ 12198399 w 12210495"/>
              <a:gd name="connsiteY3" fmla="*/ 3265624 h 6861347"/>
              <a:gd name="connsiteX4" fmla="*/ 12197527 w 12210495"/>
              <a:gd name="connsiteY4" fmla="*/ 6553107 h 6861347"/>
              <a:gd name="connsiteX5" fmla="*/ 6265722 w 12210495"/>
              <a:gd name="connsiteY5" fmla="*/ 6858733 h 6861347"/>
              <a:gd name="connsiteX6" fmla="*/ 5020 w 12210495"/>
              <a:gd name="connsiteY6" fmla="*/ 6861347 h 6861347"/>
              <a:gd name="connsiteX7" fmla="*/ 0 w 12210495"/>
              <a:gd name="connsiteY7" fmla="*/ 311228 h 6861347"/>
              <a:gd name="connsiteX8" fmla="*/ 0 w 12210495"/>
              <a:gd name="connsiteY8" fmla="*/ 311228 h 6861347"/>
              <a:gd name="connsiteX0" fmla="*/ 461926 w 12672421"/>
              <a:gd name="connsiteY0" fmla="*/ 311228 h 6861347"/>
              <a:gd name="connsiteX1" fmla="*/ 6485616 w 12672421"/>
              <a:gd name="connsiteY1" fmla="*/ 309 h 6861347"/>
              <a:gd name="connsiteX2" fmla="*/ 12494428 w 12672421"/>
              <a:gd name="connsiteY2" fmla="*/ 0 h 6861347"/>
              <a:gd name="connsiteX3" fmla="*/ 12660325 w 12672421"/>
              <a:gd name="connsiteY3" fmla="*/ 3265624 h 6861347"/>
              <a:gd name="connsiteX4" fmla="*/ 12659453 w 12672421"/>
              <a:gd name="connsiteY4" fmla="*/ 6553107 h 6861347"/>
              <a:gd name="connsiteX5" fmla="*/ 6727648 w 12672421"/>
              <a:gd name="connsiteY5" fmla="*/ 6858733 h 6861347"/>
              <a:gd name="connsiteX6" fmla="*/ 466946 w 12672421"/>
              <a:gd name="connsiteY6" fmla="*/ 6861347 h 6861347"/>
              <a:gd name="connsiteX7" fmla="*/ 456854 w 12672421"/>
              <a:gd name="connsiteY7" fmla="*/ 3482213 h 6861347"/>
              <a:gd name="connsiteX8" fmla="*/ 461926 w 12672421"/>
              <a:gd name="connsiteY8" fmla="*/ 311228 h 6861347"/>
              <a:gd name="connsiteX9" fmla="*/ 461926 w 12672421"/>
              <a:gd name="connsiteY9" fmla="*/ 311228 h 6861347"/>
              <a:gd name="connsiteX0" fmla="*/ 461926 w 12672421"/>
              <a:gd name="connsiteY0" fmla="*/ 311228 h 6862155"/>
              <a:gd name="connsiteX1" fmla="*/ 6485616 w 12672421"/>
              <a:gd name="connsiteY1" fmla="*/ 309 h 6862155"/>
              <a:gd name="connsiteX2" fmla="*/ 12494428 w 12672421"/>
              <a:gd name="connsiteY2" fmla="*/ 0 h 6862155"/>
              <a:gd name="connsiteX3" fmla="*/ 12660325 w 12672421"/>
              <a:gd name="connsiteY3" fmla="*/ 3265624 h 6862155"/>
              <a:gd name="connsiteX4" fmla="*/ 12659453 w 12672421"/>
              <a:gd name="connsiteY4" fmla="*/ 6553107 h 6862155"/>
              <a:gd name="connsiteX5" fmla="*/ 6727648 w 12672421"/>
              <a:gd name="connsiteY5" fmla="*/ 6858733 h 6862155"/>
              <a:gd name="connsiteX6" fmla="*/ 633989 w 12672421"/>
              <a:gd name="connsiteY6" fmla="*/ 6862155 h 6862155"/>
              <a:gd name="connsiteX7" fmla="*/ 466946 w 12672421"/>
              <a:gd name="connsiteY7" fmla="*/ 6861347 h 6862155"/>
              <a:gd name="connsiteX8" fmla="*/ 456854 w 12672421"/>
              <a:gd name="connsiteY8" fmla="*/ 3482213 h 6862155"/>
              <a:gd name="connsiteX9" fmla="*/ 461926 w 12672421"/>
              <a:gd name="connsiteY9" fmla="*/ 311228 h 6862155"/>
              <a:gd name="connsiteX10" fmla="*/ 461926 w 12672421"/>
              <a:gd name="connsiteY10" fmla="*/ 311228 h 6862155"/>
              <a:gd name="connsiteX0" fmla="*/ 5166 w 12215661"/>
              <a:gd name="connsiteY0" fmla="*/ 311228 h 6862155"/>
              <a:gd name="connsiteX1" fmla="*/ 6028856 w 12215661"/>
              <a:gd name="connsiteY1" fmla="*/ 309 h 6862155"/>
              <a:gd name="connsiteX2" fmla="*/ 12037668 w 12215661"/>
              <a:gd name="connsiteY2" fmla="*/ 0 h 6862155"/>
              <a:gd name="connsiteX3" fmla="*/ 12203565 w 12215661"/>
              <a:gd name="connsiteY3" fmla="*/ 3265624 h 6862155"/>
              <a:gd name="connsiteX4" fmla="*/ 12202693 w 12215661"/>
              <a:gd name="connsiteY4" fmla="*/ 6553107 h 6862155"/>
              <a:gd name="connsiteX5" fmla="*/ 6270888 w 12215661"/>
              <a:gd name="connsiteY5" fmla="*/ 6858733 h 6862155"/>
              <a:gd name="connsiteX6" fmla="*/ 177229 w 12215661"/>
              <a:gd name="connsiteY6" fmla="*/ 6862155 h 6862155"/>
              <a:gd name="connsiteX7" fmla="*/ 94 w 12215661"/>
              <a:gd name="connsiteY7" fmla="*/ 3482213 h 6862155"/>
              <a:gd name="connsiteX8" fmla="*/ 5166 w 12215661"/>
              <a:gd name="connsiteY8" fmla="*/ 311228 h 6862155"/>
              <a:gd name="connsiteX9" fmla="*/ 5166 w 12215661"/>
              <a:gd name="connsiteY9" fmla="*/ 311228 h 68621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215661" h="6862155">
                <a:moveTo>
                  <a:pt x="5166" y="311228"/>
                </a:moveTo>
                <a:lnTo>
                  <a:pt x="6028856" y="309"/>
                </a:lnTo>
                <a:lnTo>
                  <a:pt x="12037668" y="0"/>
                </a:lnTo>
                <a:lnTo>
                  <a:pt x="12203565" y="3265624"/>
                </a:lnTo>
                <a:cubicBezTo>
                  <a:pt x="12231069" y="4357809"/>
                  <a:pt x="12203129" y="4909365"/>
                  <a:pt x="12202693" y="6553107"/>
                </a:cubicBezTo>
                <a:lnTo>
                  <a:pt x="6270888" y="6858733"/>
                </a:lnTo>
                <a:lnTo>
                  <a:pt x="177229" y="6862155"/>
                </a:lnTo>
                <a:lnTo>
                  <a:pt x="94" y="3482213"/>
                </a:lnTo>
                <a:cubicBezTo>
                  <a:pt x="-743" y="2390527"/>
                  <a:pt x="4321" y="839725"/>
                  <a:pt x="5166" y="311228"/>
                </a:cubicBezTo>
                <a:lnTo>
                  <a:pt x="5166" y="311228"/>
                </a:lnTo>
                <a:close/>
              </a:path>
            </a:pathLst>
          </a:cu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0000" bIns="90000" rtlCol="0" anchor="t" anchorCtr="0"/>
          <a:lstStyle/>
          <a:p>
            <a:pPr algn="l"/>
            <a:endParaRPr lang="en-GB" sz="1600" b="0" err="1">
              <a:solidFill>
                <a:schemeClr val="bg1"/>
              </a:solidFill>
            </a:endParaRPr>
          </a:p>
        </p:txBody>
      </p:sp>
      <p:pic>
        <p:nvPicPr>
          <p:cNvPr id="21" name="Graphic 20">
            <a:extLst>
              <a:ext uri="{FF2B5EF4-FFF2-40B4-BE49-F238E27FC236}">
                <a16:creationId xmlns:a16="http://schemas.microsoft.com/office/drawing/2014/main" id="{9B2375D7-9E52-4479-81D5-1961E7D1AEB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77680" y="2225053"/>
            <a:ext cx="3282020" cy="2407895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AEB36786-1AAC-AC34-D3A1-8907E34DB5F7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72261" y="354025"/>
            <a:ext cx="885600" cy="380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5008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" userDrawn="1">
          <p15:clr>
            <a:srgbClr val="A4A3A4"/>
          </p15:clr>
        </p15:guide>
        <p15:guide id="2" orient="horz" pos="2727" userDrawn="1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om godt i gang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98986A42-8CA8-1631-E1D3-899E6C1862F2}"/>
              </a:ext>
            </a:extLst>
          </p:cNvPr>
          <p:cNvSpPr txBox="1"/>
          <p:nvPr userDrawn="1"/>
        </p:nvSpPr>
        <p:spPr>
          <a:xfrm>
            <a:off x="442913" y="441325"/>
            <a:ext cx="8598054" cy="9915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0"/>
              </a:spcBef>
              <a:buSzPct val="80000"/>
              <a:buFont typeface="Arial" panose="020B0604020202020204" pitchFamily="34" charset="0"/>
              <a:buNone/>
            </a:pPr>
            <a:r>
              <a:rPr lang="en-GB" sz="3200" b="1" err="1">
                <a:solidFill>
                  <a:schemeClr val="accent2"/>
                </a:solidFill>
                <a:latin typeface="+mj-lt"/>
              </a:rPr>
              <a:t>Kom</a:t>
            </a:r>
            <a:r>
              <a:rPr lang="en-GB" sz="3200" b="1">
                <a:solidFill>
                  <a:schemeClr val="accent2"/>
                </a:solidFill>
                <a:latin typeface="+mj-lt"/>
              </a:rPr>
              <a:t> </a:t>
            </a:r>
            <a:r>
              <a:rPr lang="en-GB" sz="3200" b="1" err="1">
                <a:solidFill>
                  <a:schemeClr val="accent2"/>
                </a:solidFill>
                <a:latin typeface="+mj-lt"/>
              </a:rPr>
              <a:t>godt</a:t>
            </a:r>
            <a:r>
              <a:rPr lang="en-GB" sz="3200" b="1">
                <a:solidFill>
                  <a:schemeClr val="accent2"/>
                </a:solidFill>
                <a:latin typeface="+mj-lt"/>
              </a:rPr>
              <a:t> i gang med din PowerPoint</a:t>
            </a:r>
            <a:endParaRPr lang="en-GB" sz="1600" b="1">
              <a:solidFill>
                <a:schemeClr val="accent2"/>
              </a:solidFill>
              <a:latin typeface="+mj-lt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039C2CC1-09C1-EE5C-7256-8C42191876D3}"/>
              </a:ext>
            </a:extLst>
          </p:cNvPr>
          <p:cNvSpPr txBox="1"/>
          <p:nvPr userDrawn="1"/>
        </p:nvSpPr>
        <p:spPr>
          <a:xfrm>
            <a:off x="442913" y="1808163"/>
            <a:ext cx="4885605" cy="40887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b="1">
                <a:solidFill>
                  <a:schemeClr val="accent2"/>
                </a:solidFill>
              </a:rPr>
              <a:t>SLIDESKABELONER</a:t>
            </a: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b="0">
                <a:solidFill>
                  <a:schemeClr val="accent2"/>
                </a:solidFill>
              </a:rPr>
              <a:t>Denne PowerPoint-</a:t>
            </a:r>
            <a:r>
              <a:rPr lang="en-US" sz="1000" b="0" err="1">
                <a:solidFill>
                  <a:schemeClr val="accent2"/>
                </a:solidFill>
              </a:rPr>
              <a:t>skabelon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indeholder</a:t>
            </a:r>
            <a:r>
              <a:rPr lang="en-US" sz="1000" b="0">
                <a:solidFill>
                  <a:schemeClr val="accent2"/>
                </a:solidFill>
              </a:rPr>
              <a:t> 30 </a:t>
            </a:r>
            <a:r>
              <a:rPr lang="en-US" sz="1000" b="0" err="1">
                <a:solidFill>
                  <a:schemeClr val="accent2"/>
                </a:solidFill>
              </a:rPr>
              <a:t>prædefinerede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slidelayouts</a:t>
            </a:r>
            <a:r>
              <a:rPr lang="en-US" sz="1000" b="0">
                <a:solidFill>
                  <a:schemeClr val="accent2"/>
                </a:solidFill>
              </a:rPr>
              <a:t>, </a:t>
            </a:r>
            <a:r>
              <a:rPr lang="en-US" sz="1000" b="0" err="1">
                <a:solidFill>
                  <a:schemeClr val="accent2"/>
                </a:solidFill>
              </a:rPr>
              <a:t>som</a:t>
            </a:r>
            <a:r>
              <a:rPr lang="en-US" sz="1000" b="0">
                <a:solidFill>
                  <a:schemeClr val="accent2"/>
                </a:solidFill>
              </a:rPr>
              <a:t> du </a:t>
            </a:r>
            <a:r>
              <a:rPr lang="en-US" sz="1000" b="0" err="1">
                <a:solidFill>
                  <a:schemeClr val="accent2"/>
                </a:solidFill>
              </a:rPr>
              <a:t>kan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bruge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til</a:t>
            </a:r>
            <a:r>
              <a:rPr lang="en-US" sz="1000" b="0">
                <a:solidFill>
                  <a:schemeClr val="accent2"/>
                </a:solidFill>
              </a:rPr>
              <a:t> din </a:t>
            </a:r>
            <a:r>
              <a:rPr lang="en-US" sz="1000" b="0" err="1">
                <a:solidFill>
                  <a:schemeClr val="accent2"/>
                </a:solidFill>
              </a:rPr>
              <a:t>præsentation</a:t>
            </a:r>
            <a:r>
              <a:rPr lang="en-US" sz="1000" b="0">
                <a:solidFill>
                  <a:schemeClr val="accent2"/>
                </a:solidFill>
              </a:rPr>
              <a:t>. </a:t>
            </a: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b="0">
                <a:solidFill>
                  <a:schemeClr val="accent2"/>
                </a:solidFill>
              </a:rPr>
              <a:t>Du finder de 30 </a:t>
            </a:r>
            <a:r>
              <a:rPr lang="en-US" sz="1000" b="0" err="1">
                <a:solidFill>
                  <a:schemeClr val="accent2"/>
                </a:solidFill>
              </a:rPr>
              <a:t>slidelayouts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ved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enten</a:t>
            </a:r>
            <a:r>
              <a:rPr lang="en-US" sz="1000" b="0">
                <a:solidFill>
                  <a:schemeClr val="accent2"/>
                </a:solidFill>
              </a:rPr>
              <a:t> at </a:t>
            </a:r>
          </a:p>
          <a:p>
            <a:pPr marL="171450" indent="-17145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Char char="•"/>
            </a:pPr>
            <a:r>
              <a:rPr lang="en-US" sz="1000" b="0" err="1">
                <a:solidFill>
                  <a:schemeClr val="accent2"/>
                </a:solidFill>
              </a:rPr>
              <a:t>oprette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en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ny</a:t>
            </a:r>
            <a:r>
              <a:rPr lang="en-US" sz="1000" b="0">
                <a:solidFill>
                  <a:schemeClr val="accent2"/>
                </a:solidFill>
              </a:rPr>
              <a:t> slide </a:t>
            </a:r>
            <a:r>
              <a:rPr lang="en-US" sz="1000" b="0" err="1">
                <a:solidFill>
                  <a:schemeClr val="accent2"/>
                </a:solidFill>
              </a:rPr>
              <a:t>og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højreklikke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på</a:t>
            </a:r>
            <a:r>
              <a:rPr lang="en-US" sz="1000" b="0">
                <a:solidFill>
                  <a:schemeClr val="accent2"/>
                </a:solidFill>
              </a:rPr>
              <a:t> den. </a:t>
            </a:r>
            <a:r>
              <a:rPr lang="en-US" sz="1000" b="0" err="1">
                <a:solidFill>
                  <a:schemeClr val="accent2"/>
                </a:solidFill>
              </a:rPr>
              <a:t>Vælg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herefter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1">
                <a:solidFill>
                  <a:schemeClr val="accent2"/>
                </a:solidFill>
              </a:rPr>
              <a:t>Layout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og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klik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på</a:t>
            </a:r>
            <a:r>
              <a:rPr lang="en-US" sz="1000" b="0">
                <a:solidFill>
                  <a:schemeClr val="accent2"/>
                </a:solidFill>
              </a:rPr>
              <a:t> det layout, du </a:t>
            </a:r>
            <a:r>
              <a:rPr lang="en-US" sz="1000" b="0" err="1">
                <a:solidFill>
                  <a:schemeClr val="accent2"/>
                </a:solidFill>
              </a:rPr>
              <a:t>ønsker</a:t>
            </a:r>
            <a:r>
              <a:rPr lang="en-US" sz="1000" b="0">
                <a:solidFill>
                  <a:schemeClr val="accent2"/>
                </a:solidFill>
              </a:rPr>
              <a:t> at </a:t>
            </a:r>
            <a:r>
              <a:rPr lang="en-US" sz="1000" b="0" err="1">
                <a:solidFill>
                  <a:schemeClr val="accent2"/>
                </a:solidFill>
              </a:rPr>
              <a:t>bruge</a:t>
            </a:r>
            <a:r>
              <a:rPr lang="en-US" sz="1000" b="0">
                <a:solidFill>
                  <a:schemeClr val="accent2"/>
                </a:solidFill>
              </a:rPr>
              <a:t>. </a:t>
            </a:r>
          </a:p>
          <a:p>
            <a:pPr marL="171450" indent="-17145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Char char="•"/>
            </a:pPr>
            <a:r>
              <a:rPr lang="en-US" sz="1000" b="0" err="1">
                <a:solidFill>
                  <a:schemeClr val="accent2"/>
                </a:solidFill>
              </a:rPr>
              <a:t>vælge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1">
                <a:solidFill>
                  <a:schemeClr val="accent2"/>
                </a:solidFill>
              </a:rPr>
              <a:t>Ny slide</a:t>
            </a:r>
            <a:r>
              <a:rPr lang="en-US" sz="1000" b="0">
                <a:solidFill>
                  <a:schemeClr val="accent2"/>
                </a:solidFill>
              </a:rPr>
              <a:t> i </a:t>
            </a:r>
            <a:r>
              <a:rPr lang="en-US" sz="1000" b="0" err="1">
                <a:solidFill>
                  <a:schemeClr val="accent2"/>
                </a:solidFill>
              </a:rPr>
              <a:t>menuen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øverst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og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klik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derefter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på</a:t>
            </a:r>
            <a:r>
              <a:rPr lang="en-US" sz="1000" b="0">
                <a:solidFill>
                  <a:schemeClr val="accent2"/>
                </a:solidFill>
              </a:rPr>
              <a:t> den </a:t>
            </a:r>
            <a:r>
              <a:rPr lang="en-US" sz="1000" b="0" err="1">
                <a:solidFill>
                  <a:schemeClr val="accent2"/>
                </a:solidFill>
              </a:rPr>
              <a:t>ønskede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slideskabelon</a:t>
            </a:r>
            <a:r>
              <a:rPr lang="en-US" sz="1000" b="0">
                <a:solidFill>
                  <a:schemeClr val="accent2"/>
                </a:solidFill>
              </a:rPr>
              <a:t>.</a:t>
            </a: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b="0" err="1">
                <a:solidFill>
                  <a:schemeClr val="accent2"/>
                </a:solidFill>
              </a:rPr>
              <a:t>Pakken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inkluderer</a:t>
            </a:r>
            <a:r>
              <a:rPr lang="en-US" sz="1000" b="0">
                <a:solidFill>
                  <a:schemeClr val="accent2"/>
                </a:solidFill>
              </a:rPr>
              <a:t>:</a:t>
            </a:r>
          </a:p>
          <a:p>
            <a:pPr marL="171450" indent="-17145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Char char="•"/>
            </a:pPr>
            <a:r>
              <a:rPr lang="en-US" sz="1000" b="0">
                <a:solidFill>
                  <a:schemeClr val="accent2"/>
                </a:solidFill>
              </a:rPr>
              <a:t>4 </a:t>
            </a:r>
            <a:r>
              <a:rPr lang="en-US" sz="1000" b="0" err="1">
                <a:solidFill>
                  <a:schemeClr val="accent2"/>
                </a:solidFill>
              </a:rPr>
              <a:t>forskellige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titelslides</a:t>
            </a:r>
            <a:r>
              <a:rPr lang="en-US" sz="1000" b="0">
                <a:solidFill>
                  <a:schemeClr val="accent2"/>
                </a:solidFill>
              </a:rPr>
              <a:t> med </a:t>
            </a:r>
            <a:r>
              <a:rPr lang="en-US" sz="1000" b="0" err="1">
                <a:solidFill>
                  <a:schemeClr val="accent2"/>
                </a:solidFill>
              </a:rPr>
              <a:t>og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uden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billede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og</a:t>
            </a:r>
            <a:r>
              <a:rPr lang="en-US" sz="1000" b="0">
                <a:solidFill>
                  <a:schemeClr val="accent2"/>
                </a:solidFill>
              </a:rPr>
              <a:t> med </a:t>
            </a:r>
            <a:r>
              <a:rPr lang="en-US" sz="1000" b="0" err="1">
                <a:solidFill>
                  <a:schemeClr val="accent2"/>
                </a:solidFill>
              </a:rPr>
              <a:t>hhv</a:t>
            </a:r>
            <a:r>
              <a:rPr lang="en-US" sz="1000" b="0">
                <a:solidFill>
                  <a:schemeClr val="accent2"/>
                </a:solidFill>
              </a:rPr>
              <a:t>. </a:t>
            </a:r>
            <a:r>
              <a:rPr lang="en-US" sz="1000" b="0" err="1">
                <a:solidFill>
                  <a:schemeClr val="accent2"/>
                </a:solidFill>
              </a:rPr>
              <a:t>lige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og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og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tiltet</a:t>
            </a:r>
            <a:r>
              <a:rPr lang="en-US" sz="1000" b="0">
                <a:solidFill>
                  <a:schemeClr val="accent2"/>
                </a:solidFill>
              </a:rPr>
              <a:t> billed</a:t>
            </a:r>
          </a:p>
          <a:p>
            <a:pPr marL="171450" indent="-17145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Char char="•"/>
            </a:pPr>
            <a:r>
              <a:rPr lang="en-US" sz="1000" b="0">
                <a:solidFill>
                  <a:schemeClr val="accent2"/>
                </a:solidFill>
              </a:rPr>
              <a:t>To agenda-slides</a:t>
            </a:r>
          </a:p>
          <a:p>
            <a:pPr marL="171450" indent="-17145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Char char="•"/>
            </a:pPr>
            <a:r>
              <a:rPr lang="en-US" sz="1000" b="0">
                <a:solidFill>
                  <a:schemeClr val="accent2"/>
                </a:solidFill>
              </a:rPr>
              <a:t>13 </a:t>
            </a:r>
            <a:r>
              <a:rPr lang="en-US" sz="1000" b="0" err="1">
                <a:solidFill>
                  <a:schemeClr val="accent2"/>
                </a:solidFill>
              </a:rPr>
              <a:t>forskellige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indholdsslides</a:t>
            </a:r>
            <a:endParaRPr lang="en-US" sz="1000" b="0">
              <a:solidFill>
                <a:schemeClr val="accent2"/>
              </a:solidFill>
            </a:endParaRPr>
          </a:p>
          <a:p>
            <a:pPr marL="171450" indent="-17145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Char char="•"/>
            </a:pPr>
            <a:r>
              <a:rPr lang="en-US" sz="1000" b="0">
                <a:solidFill>
                  <a:schemeClr val="accent2"/>
                </a:solidFill>
              </a:rPr>
              <a:t>3 </a:t>
            </a:r>
            <a:r>
              <a:rPr lang="en-US" sz="1000" b="0" err="1">
                <a:solidFill>
                  <a:schemeClr val="accent2"/>
                </a:solidFill>
              </a:rPr>
              <a:t>slideskabeloner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til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citater</a:t>
            </a:r>
            <a:endParaRPr lang="en-US" sz="1000" b="0">
              <a:solidFill>
                <a:schemeClr val="accent2"/>
              </a:solidFill>
            </a:endParaRPr>
          </a:p>
          <a:p>
            <a:pPr marL="171450" indent="-17145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Char char="•"/>
            </a:pPr>
            <a:r>
              <a:rPr lang="en-US" sz="1000" b="0">
                <a:solidFill>
                  <a:schemeClr val="accent2"/>
                </a:solidFill>
              </a:rPr>
              <a:t>3 </a:t>
            </a:r>
            <a:r>
              <a:rPr lang="en-US" sz="1000" b="0" err="1">
                <a:solidFill>
                  <a:schemeClr val="accent2"/>
                </a:solidFill>
              </a:rPr>
              <a:t>breakslides</a:t>
            </a:r>
            <a:r>
              <a:rPr lang="en-US" sz="1000" b="0">
                <a:solidFill>
                  <a:schemeClr val="accent2"/>
                </a:solidFill>
              </a:rPr>
              <a:t>, </a:t>
            </a:r>
            <a:r>
              <a:rPr lang="en-US" sz="1000" b="0" err="1">
                <a:solidFill>
                  <a:schemeClr val="accent2"/>
                </a:solidFill>
              </a:rPr>
              <a:t>som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kan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bruges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til</a:t>
            </a:r>
            <a:r>
              <a:rPr lang="en-US" sz="1000" b="0">
                <a:solidFill>
                  <a:schemeClr val="accent2"/>
                </a:solidFill>
              </a:rPr>
              <a:t> at lave pauser I din </a:t>
            </a:r>
            <a:r>
              <a:rPr lang="en-US" sz="1000" b="0" err="1">
                <a:solidFill>
                  <a:schemeClr val="accent2"/>
                </a:solidFill>
              </a:rPr>
              <a:t>præsentation</a:t>
            </a:r>
            <a:endParaRPr lang="en-US" sz="1000" b="0">
              <a:solidFill>
                <a:schemeClr val="accent2"/>
              </a:solidFill>
            </a:endParaRPr>
          </a:p>
          <a:p>
            <a:pPr marL="171450" indent="-17145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Char char="•"/>
            </a:pPr>
            <a:r>
              <a:rPr lang="en-US" sz="1000" b="0">
                <a:solidFill>
                  <a:schemeClr val="accent2"/>
                </a:solidFill>
              </a:rPr>
              <a:t>2 slut-slides</a:t>
            </a:r>
          </a:p>
          <a:p>
            <a:pPr marL="171450" indent="-17145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Char char="•"/>
            </a:pPr>
            <a:r>
              <a:rPr lang="en-US" sz="1000" b="0" err="1">
                <a:solidFill>
                  <a:schemeClr val="accent2"/>
                </a:solidFill>
              </a:rPr>
              <a:t>En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række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ekstraslides</a:t>
            </a:r>
            <a:r>
              <a:rPr lang="en-US" sz="1000" b="0">
                <a:solidFill>
                  <a:schemeClr val="accent2"/>
                </a:solidFill>
              </a:rPr>
              <a:t> med </a:t>
            </a:r>
            <a:r>
              <a:rPr lang="en-US" sz="1000" b="0" err="1">
                <a:solidFill>
                  <a:schemeClr val="accent2"/>
                </a:solidFill>
              </a:rPr>
              <a:t>ikoner</a:t>
            </a:r>
            <a:r>
              <a:rPr lang="en-US" sz="1000" b="0">
                <a:solidFill>
                  <a:schemeClr val="accent2"/>
                </a:solidFill>
              </a:rPr>
              <a:t>, du </a:t>
            </a:r>
            <a:r>
              <a:rPr lang="en-US" sz="1000" b="0" err="1">
                <a:solidFill>
                  <a:schemeClr val="accent2"/>
                </a:solidFill>
              </a:rPr>
              <a:t>kan</a:t>
            </a:r>
            <a:r>
              <a:rPr lang="en-US" sz="1000" b="0">
                <a:solidFill>
                  <a:schemeClr val="accent2"/>
                </a:solidFill>
              </a:rPr>
              <a:t> </a:t>
            </a:r>
            <a:r>
              <a:rPr lang="en-US" sz="1000" b="0" err="1">
                <a:solidFill>
                  <a:schemeClr val="accent2"/>
                </a:solidFill>
              </a:rPr>
              <a:t>bruge</a:t>
            </a:r>
            <a:r>
              <a:rPr lang="en-US" sz="1000" b="0">
                <a:solidFill>
                  <a:schemeClr val="accent2"/>
                </a:solidFill>
              </a:rPr>
              <a:t> i din </a:t>
            </a:r>
            <a:r>
              <a:rPr lang="en-US" sz="1000" b="0" err="1">
                <a:solidFill>
                  <a:schemeClr val="accent2"/>
                </a:solidFill>
              </a:rPr>
              <a:t>præsentation</a:t>
            </a:r>
            <a:endParaRPr lang="en-US" sz="1000" b="1">
              <a:solidFill>
                <a:schemeClr val="accent2"/>
              </a:solidFill>
            </a:endParaRP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B106F1CA-5480-D144-EBEC-AD73A2F800E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259595" y="1808164"/>
            <a:ext cx="4489492" cy="2547626"/>
          </a:xfrm>
          <a:prstGeom prst="rect">
            <a:avLst/>
          </a:prstGeom>
          <a:ln>
            <a:solidFill>
              <a:schemeClr val="bg1">
                <a:lumMod val="65000"/>
              </a:schemeClr>
            </a:solidFill>
          </a:ln>
          <a:effectLst/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7F51A3D6-FC43-94D0-176B-F6808559E88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1359" t="636" r="-1" b="953"/>
          <a:stretch/>
        </p:blipFill>
        <p:spPr>
          <a:xfrm>
            <a:off x="5948596" y="3766471"/>
            <a:ext cx="2721413" cy="2547626"/>
          </a:xfrm>
          <a:prstGeom prst="rect">
            <a:avLst/>
          </a:prstGeom>
          <a:ln>
            <a:solidFill>
              <a:schemeClr val="bg1">
                <a:lumMod val="65000"/>
              </a:schemeClr>
            </a:solidFill>
          </a:ln>
          <a:effectLst/>
        </p:spPr>
      </p:pic>
      <p:cxnSp>
        <p:nvCxnSpPr>
          <p:cNvPr id="7" name="Connector: Elbow 6">
            <a:extLst>
              <a:ext uri="{FF2B5EF4-FFF2-40B4-BE49-F238E27FC236}">
                <a16:creationId xmlns:a16="http://schemas.microsoft.com/office/drawing/2014/main" id="{999C3E99-9EAC-BE72-6D99-9E1E90E33D3A}"/>
              </a:ext>
            </a:extLst>
          </p:cNvPr>
          <p:cNvCxnSpPr>
            <a:cxnSpLocks/>
          </p:cNvCxnSpPr>
          <p:nvPr userDrawn="1"/>
        </p:nvCxnSpPr>
        <p:spPr>
          <a:xfrm>
            <a:off x="5446059" y="3005418"/>
            <a:ext cx="2501745" cy="385748"/>
          </a:xfrm>
          <a:prstGeom prst="bentConnector3">
            <a:avLst/>
          </a:prstGeom>
          <a:ln w="19050">
            <a:solidFill>
              <a:schemeClr val="accent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Connector: Elbow 15">
            <a:extLst>
              <a:ext uri="{FF2B5EF4-FFF2-40B4-BE49-F238E27FC236}">
                <a16:creationId xmlns:a16="http://schemas.microsoft.com/office/drawing/2014/main" id="{DB5DDA2E-842B-78E2-A1AF-6E7317E243D2}"/>
              </a:ext>
            </a:extLst>
          </p:cNvPr>
          <p:cNvCxnSpPr>
            <a:cxnSpLocks/>
          </p:cNvCxnSpPr>
          <p:nvPr userDrawn="1"/>
        </p:nvCxnSpPr>
        <p:spPr>
          <a:xfrm>
            <a:off x="5328518" y="3512938"/>
            <a:ext cx="593566" cy="541350"/>
          </a:xfrm>
          <a:prstGeom prst="bentConnector3">
            <a:avLst>
              <a:gd name="adj1" fmla="val 50000"/>
            </a:avLst>
          </a:prstGeom>
          <a:ln w="19050">
            <a:solidFill>
              <a:schemeClr val="accent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68F57362-3788-0E71-4A30-1B12BA5813F0}"/>
              </a:ext>
            </a:extLst>
          </p:cNvPr>
          <p:cNvSpPr/>
          <p:nvPr userDrawn="1"/>
        </p:nvSpPr>
        <p:spPr>
          <a:xfrm rot="-180000">
            <a:off x="446922" y="926798"/>
            <a:ext cx="1729240" cy="380503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0000" bIns="90000" rtlCol="0" anchor="t" anchorCtr="0"/>
          <a:lstStyle/>
          <a:p>
            <a:pPr algn="l"/>
            <a:endParaRPr lang="en-GB" sz="1600" b="0" err="1">
              <a:solidFill>
                <a:schemeClr val="bg1"/>
              </a:solidFill>
            </a:endParaRP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059E6313-5834-BCBE-AD1B-F9EE53E32912}"/>
              </a:ext>
            </a:extLst>
          </p:cNvPr>
          <p:cNvSpPr txBox="1"/>
          <p:nvPr userDrawn="1"/>
        </p:nvSpPr>
        <p:spPr>
          <a:xfrm>
            <a:off x="575008" y="931374"/>
            <a:ext cx="2019660" cy="47176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2000" b="1" err="1">
                <a:solidFill>
                  <a:schemeClr val="accent2"/>
                </a:solidFill>
                <a:latin typeface="+mj-lt"/>
              </a:rPr>
              <a:t>Slet</a:t>
            </a:r>
            <a:r>
              <a:rPr lang="en-US" sz="2000" b="1">
                <a:solidFill>
                  <a:schemeClr val="accent2"/>
                </a:solidFill>
                <a:latin typeface="+mj-lt"/>
              </a:rPr>
              <a:t> </a:t>
            </a:r>
            <a:r>
              <a:rPr lang="en-US" sz="2000" b="1" err="1">
                <a:solidFill>
                  <a:schemeClr val="accent2"/>
                </a:solidFill>
                <a:latin typeface="+mj-lt"/>
              </a:rPr>
              <a:t>før</a:t>
            </a:r>
            <a:r>
              <a:rPr lang="en-US" sz="2000" b="1">
                <a:solidFill>
                  <a:schemeClr val="accent2"/>
                </a:solidFill>
                <a:latin typeface="+mj-lt"/>
              </a:rPr>
              <a:t> </a:t>
            </a:r>
            <a:r>
              <a:rPr lang="en-US" sz="2000" b="1" err="1">
                <a:solidFill>
                  <a:schemeClr val="accent2"/>
                </a:solidFill>
                <a:latin typeface="+mj-lt"/>
              </a:rPr>
              <a:t>brug</a:t>
            </a:r>
            <a:endParaRPr lang="en-GB" sz="2000" b="1" err="1">
              <a:solidFill>
                <a:schemeClr val="accent2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9801957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ps og tricks #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Rectangle 25">
            <a:extLst>
              <a:ext uri="{FF2B5EF4-FFF2-40B4-BE49-F238E27FC236}">
                <a16:creationId xmlns:a16="http://schemas.microsoft.com/office/drawing/2014/main" id="{E29440AD-C1DF-F6DE-393A-95460E52C0D9}"/>
              </a:ext>
            </a:extLst>
          </p:cNvPr>
          <p:cNvSpPr/>
          <p:nvPr userDrawn="1"/>
        </p:nvSpPr>
        <p:spPr>
          <a:xfrm rot="-180000">
            <a:off x="446922" y="926798"/>
            <a:ext cx="1729240" cy="380503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0000" bIns="90000" rtlCol="0" anchor="t" anchorCtr="0"/>
          <a:lstStyle/>
          <a:p>
            <a:pPr algn="l"/>
            <a:endParaRPr lang="en-GB" sz="1600" b="0" err="1">
              <a:solidFill>
                <a:schemeClr val="bg1"/>
              </a:solidFill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754AB24C-91E2-3EE9-7786-DF0066E74DF7}"/>
              </a:ext>
            </a:extLst>
          </p:cNvPr>
          <p:cNvSpPr txBox="1"/>
          <p:nvPr userDrawn="1"/>
        </p:nvSpPr>
        <p:spPr>
          <a:xfrm>
            <a:off x="575008" y="931374"/>
            <a:ext cx="2019660" cy="47176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2000" b="1" err="1">
                <a:solidFill>
                  <a:schemeClr val="accent2"/>
                </a:solidFill>
                <a:latin typeface="+mj-lt"/>
              </a:rPr>
              <a:t>Slet</a:t>
            </a:r>
            <a:r>
              <a:rPr lang="en-US" sz="2000" b="1">
                <a:solidFill>
                  <a:schemeClr val="accent2"/>
                </a:solidFill>
                <a:latin typeface="+mj-lt"/>
              </a:rPr>
              <a:t> </a:t>
            </a:r>
            <a:r>
              <a:rPr lang="en-US" sz="2000" b="1" err="1">
                <a:solidFill>
                  <a:schemeClr val="accent2"/>
                </a:solidFill>
                <a:latin typeface="+mj-lt"/>
              </a:rPr>
              <a:t>før</a:t>
            </a:r>
            <a:r>
              <a:rPr lang="en-US" sz="2000" b="1">
                <a:solidFill>
                  <a:schemeClr val="accent2"/>
                </a:solidFill>
                <a:latin typeface="+mj-lt"/>
              </a:rPr>
              <a:t> </a:t>
            </a:r>
            <a:r>
              <a:rPr lang="en-US" sz="2000" b="1" err="1">
                <a:solidFill>
                  <a:schemeClr val="accent2"/>
                </a:solidFill>
                <a:latin typeface="+mj-lt"/>
              </a:rPr>
              <a:t>brug</a:t>
            </a:r>
            <a:endParaRPr lang="en-GB" sz="2000" b="1" err="1">
              <a:solidFill>
                <a:schemeClr val="accent2"/>
              </a:solidFill>
              <a:latin typeface="+mj-lt"/>
            </a:endParaRPr>
          </a:p>
        </p:txBody>
      </p:sp>
      <p:sp>
        <p:nvSpPr>
          <p:cNvPr id="8" name="Text Box 48">
            <a:extLst>
              <a:ext uri="{FF2B5EF4-FFF2-40B4-BE49-F238E27FC236}">
                <a16:creationId xmlns:a16="http://schemas.microsoft.com/office/drawing/2014/main" id="{2000A4DE-4225-3F4E-E875-A3C82A1D1B2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266564" y="1806388"/>
            <a:ext cx="3734933" cy="200054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92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ts val="800"/>
              </a:spcAft>
              <a:defRPr/>
            </a:pPr>
            <a:r>
              <a:rPr lang="en-US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SLIDENUMMER, DATO OG/ELLER SIDEFOD</a:t>
            </a:r>
          </a:p>
          <a:p>
            <a:pPr marL="0" marR="0" indent="0" algn="l" defTabSz="1219170" rtl="0" eaLnBrk="1" fontAlgn="auto" latinLnBrk="0" hangingPunct="1">
              <a:lnSpc>
                <a:spcPct val="100000"/>
              </a:lnSpc>
              <a:spcAft>
                <a:spcPts val="800"/>
              </a:spcAft>
              <a:buClrTx/>
              <a:buSzTx/>
              <a:buFontTx/>
              <a:buNone/>
              <a:tabLst/>
              <a:defRPr/>
            </a:pPr>
            <a:r>
              <a:rPr lang="en-US" sz="1000" b="0" kern="12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til allersidst.</a:t>
            </a:r>
          </a:p>
          <a:p>
            <a:pPr marL="228600" indent="-228600" eaLnBrk="1" hangingPunct="1">
              <a:lnSpc>
                <a:spcPct val="100000"/>
              </a:lnSpc>
              <a:spcAft>
                <a:spcPts val="800"/>
              </a:spcAft>
              <a:buFont typeface="+mj-lt"/>
              <a:buAutoNum type="arabicPeriod"/>
              <a:defRPr/>
            </a:pPr>
            <a:r>
              <a:rPr lang="en-US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en-US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</a:t>
            </a:r>
            <a:r>
              <a:rPr lang="en-US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menuen øverst</a:t>
            </a:r>
            <a:endParaRPr lang="en-US" altLang="da-DK" sz="1000" b="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228600" indent="-228600" eaLnBrk="1" hangingPunct="1">
              <a:lnSpc>
                <a:spcPct val="100000"/>
              </a:lnSpc>
              <a:spcAft>
                <a:spcPts val="800"/>
              </a:spcAft>
              <a:buFont typeface="+mj-lt"/>
              <a:buAutoNum type="arabicPeriod"/>
              <a:defRPr/>
            </a:pPr>
            <a:r>
              <a:rPr lang="en-US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en-US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nummer</a:t>
            </a:r>
            <a:r>
              <a:rPr lang="en-US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</a:p>
          <a:p>
            <a:pPr marL="228600" indent="-228600" eaLnBrk="1" hangingPunct="1">
              <a:lnSpc>
                <a:spcPct val="100000"/>
              </a:lnSpc>
              <a:spcAft>
                <a:spcPts val="800"/>
              </a:spcAft>
              <a:buFont typeface="+mj-lt"/>
              <a:buAutoNum type="arabicPeriod"/>
              <a:defRPr/>
            </a:pPr>
            <a:r>
              <a:rPr lang="en-US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ørg for at der er sat flueben i </a:t>
            </a:r>
            <a:r>
              <a:rPr lang="en-US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nummer</a:t>
            </a:r>
          </a:p>
          <a:p>
            <a:pPr marL="228600" indent="-228600" eaLnBrk="1" hangingPunct="1">
              <a:lnSpc>
                <a:spcPct val="100000"/>
              </a:lnSpc>
              <a:spcAft>
                <a:spcPts val="800"/>
              </a:spcAft>
              <a:buFont typeface="+mj-lt"/>
              <a:buAutoNum type="arabicPeriod"/>
              <a:defRPr/>
            </a:pPr>
            <a:r>
              <a:rPr lang="en-US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evt. at sætte hak i</a:t>
            </a:r>
            <a:r>
              <a:rPr lang="en-US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Sidefod </a:t>
            </a:r>
            <a:r>
              <a:rPr lang="en-US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kriv titlen på dit dokument under</a:t>
            </a:r>
            <a:r>
              <a:rPr lang="en-US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ræsentations titel, </a:t>
            </a:r>
            <a:r>
              <a:rPr lang="en-US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ønsker det</a:t>
            </a:r>
          </a:p>
          <a:p>
            <a:pPr marL="228600" indent="-228600" eaLnBrk="1" hangingPunct="1">
              <a:lnSpc>
                <a:spcPct val="100000"/>
              </a:lnSpc>
              <a:spcAft>
                <a:spcPts val="800"/>
              </a:spcAft>
              <a:buFont typeface="+mj-lt"/>
              <a:buAutoNum type="arabicPeriod"/>
              <a:defRPr/>
            </a:pPr>
            <a:r>
              <a:rPr lang="en-US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US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en-US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eller </a:t>
            </a:r>
            <a:r>
              <a:rPr lang="en-US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</a:t>
            </a:r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0BE8D50C-06DA-5D25-1BA9-087A45D062DC}"/>
              </a:ext>
            </a:extLst>
          </p:cNvPr>
          <p:cNvSpPr>
            <a:spLocks/>
          </p:cNvSpPr>
          <p:nvPr userDrawn="1"/>
        </p:nvSpPr>
        <p:spPr bwMode="gray">
          <a:xfrm>
            <a:off x="4374668" y="1806388"/>
            <a:ext cx="3283432" cy="5027017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lnSpc>
                <a:spcPct val="100000"/>
              </a:lnSpc>
              <a:spcAft>
                <a:spcPts val="800"/>
              </a:spcAft>
              <a:buFont typeface="+mj-lt"/>
              <a:buNone/>
              <a:defRPr/>
            </a:pPr>
            <a:r>
              <a:rPr lang="en-US" sz="1000" b="1" noProof="1">
                <a:solidFill>
                  <a:schemeClr val="tx1"/>
                </a:solidFill>
                <a:cs typeface="Arial" panose="020B0604020202020204" pitchFamily="34" charset="0"/>
              </a:rPr>
              <a:t>BILLEDER</a:t>
            </a:r>
          </a:p>
          <a:p>
            <a:pPr algn="l" eaLnBrk="1" hangingPunct="1">
              <a:lnSpc>
                <a:spcPct val="100000"/>
              </a:lnSpc>
              <a:spcAft>
                <a:spcPts val="800"/>
              </a:spcAft>
              <a:buFontTx/>
              <a:buNone/>
              <a:defRPr/>
            </a:pPr>
            <a:r>
              <a:rPr lang="en-US" sz="1000" noProof="1">
                <a:solidFill>
                  <a:schemeClr val="tx1"/>
                </a:solidFill>
                <a:cs typeface="Arial" charset="0"/>
              </a:rPr>
              <a:t>På slides med en billed-placeholder indsætter </a:t>
            </a:r>
            <a:br>
              <a:rPr lang="en-US" sz="1000" noProof="1">
                <a:solidFill>
                  <a:schemeClr val="tx1"/>
                </a:solidFill>
                <a:cs typeface="Arial" charset="0"/>
              </a:rPr>
            </a:br>
            <a:r>
              <a:rPr lang="en-US" sz="1000" noProof="1">
                <a:solidFill>
                  <a:schemeClr val="tx1"/>
                </a:solidFill>
                <a:cs typeface="Arial" charset="0"/>
              </a:rPr>
              <a:t>du billedet ved at klikke på ikonet til venstre og </a:t>
            </a:r>
            <a:br>
              <a:rPr lang="en-US" sz="1000" noProof="1">
                <a:solidFill>
                  <a:schemeClr val="tx1"/>
                </a:solidFill>
                <a:cs typeface="Arial" charset="0"/>
              </a:rPr>
            </a:br>
            <a:r>
              <a:rPr lang="en-US" sz="1000" noProof="1">
                <a:solidFill>
                  <a:schemeClr val="tx1"/>
                </a:solidFill>
                <a:cs typeface="Arial" charset="0"/>
              </a:rPr>
              <a:t>vælge </a:t>
            </a:r>
            <a:r>
              <a:rPr lang="en-US" sz="1000" b="1" noProof="1">
                <a:solidFill>
                  <a:schemeClr val="tx1"/>
                </a:solidFill>
                <a:cs typeface="Arial" charset="0"/>
              </a:rPr>
              <a:t>Indsæt</a:t>
            </a:r>
            <a:br>
              <a:rPr lang="en-US" sz="1000" b="1" noProof="1">
                <a:solidFill>
                  <a:schemeClr val="tx1"/>
                </a:solidFill>
                <a:cs typeface="Arial" charset="0"/>
              </a:rPr>
            </a:br>
            <a:br>
              <a:rPr lang="en-US" sz="1000" b="1" noProof="1">
                <a:solidFill>
                  <a:schemeClr val="tx1"/>
                </a:solidFill>
                <a:cs typeface="Arial" charset="0"/>
              </a:rPr>
            </a:br>
            <a:r>
              <a:rPr lang="en-US" sz="1000" b="1" noProof="1">
                <a:solidFill>
                  <a:schemeClr val="tx1"/>
                </a:solidFill>
                <a:latin typeface="+mn-lt"/>
              </a:rPr>
              <a:t>Redigere i et billede</a:t>
            </a:r>
          </a:p>
          <a:p>
            <a:pPr marL="228600" indent="-228600" algn="l" eaLnBrk="1" hangingPunct="1">
              <a:lnSpc>
                <a:spcPct val="100000"/>
              </a:lnSpc>
              <a:spcAft>
                <a:spcPts val="800"/>
              </a:spcAft>
              <a:buFont typeface="+mj-lt"/>
              <a:buAutoNum type="arabicPeriod"/>
              <a:defRPr/>
            </a:pPr>
            <a:r>
              <a:rPr lang="en-US" sz="1000" b="1" noProof="1">
                <a:solidFill>
                  <a:schemeClr val="tx1"/>
                </a:solidFill>
                <a:latin typeface="+mn-lt"/>
              </a:rPr>
              <a:t>Beskær</a:t>
            </a:r>
            <a:r>
              <a:rPr lang="en-US" sz="1000" b="0" noProof="1">
                <a:solidFill>
                  <a:schemeClr val="tx1"/>
                </a:solidFill>
                <a:latin typeface="+mn-lt"/>
              </a:rPr>
              <a:t> for at ændre størrelse eller justere </a:t>
            </a:r>
            <a:br>
              <a:rPr lang="en-US" sz="1000" b="0" noProof="1">
                <a:solidFill>
                  <a:schemeClr val="tx1"/>
                </a:solidFill>
                <a:latin typeface="+mn-lt"/>
              </a:rPr>
            </a:br>
            <a:r>
              <a:rPr lang="en-US" sz="1000" b="0" noProof="1">
                <a:solidFill>
                  <a:schemeClr val="tx1"/>
                </a:solidFill>
                <a:latin typeface="+mn-lt"/>
              </a:rPr>
              <a:t>fokus i </a:t>
            </a:r>
            <a:r>
              <a:rPr lang="en-US" sz="1000" b="0" kern="1200" baseline="0" noProof="1">
                <a:solidFill>
                  <a:schemeClr val="tx1"/>
                </a:solidFill>
                <a:latin typeface="+mn-lt"/>
              </a:rPr>
              <a:t>billedet</a:t>
            </a:r>
            <a:endParaRPr lang="en-US" sz="1000" b="0" strike="sngStrike" noProof="1">
              <a:solidFill>
                <a:schemeClr val="tx1"/>
              </a:solidFill>
              <a:latin typeface="+mn-lt"/>
            </a:endParaRPr>
          </a:p>
          <a:p>
            <a:pPr marL="228600" indent="-228600" algn="l" eaLnBrk="1" hangingPunct="1">
              <a:lnSpc>
                <a:spcPct val="100000"/>
              </a:lnSpc>
              <a:spcAft>
                <a:spcPts val="800"/>
              </a:spcAft>
              <a:buFont typeface="+mj-lt"/>
              <a:buAutoNum type="arabicPeriod"/>
              <a:defRPr/>
            </a:pPr>
            <a:r>
              <a:rPr lang="en-US" altLang="da-DK" sz="1000" b="0" noProof="1">
                <a:solidFill>
                  <a:schemeClr val="tx1"/>
                </a:solidFill>
                <a:latin typeface="+mn-lt"/>
                <a:cs typeface="Arial" pitchFamily="34" charset="0"/>
              </a:rPr>
              <a:t>Hvis du ønsker at gøre billedet mindre eller </a:t>
            </a:r>
            <a:br>
              <a:rPr lang="en-US" altLang="da-DK" sz="1000" b="0" noProof="1">
                <a:solidFill>
                  <a:schemeClr val="tx1"/>
                </a:solidFill>
                <a:latin typeface="+mn-lt"/>
                <a:cs typeface="Arial" pitchFamily="34" charset="0"/>
              </a:rPr>
            </a:br>
            <a:r>
              <a:rPr lang="en-US" altLang="da-DK" sz="1000" b="0" noProof="1">
                <a:solidFill>
                  <a:schemeClr val="tx1"/>
                </a:solidFill>
                <a:latin typeface="+mn-lt"/>
                <a:cs typeface="Arial" pitchFamily="34" charset="0"/>
              </a:rPr>
              <a:t>større, så holder du </a:t>
            </a:r>
            <a:r>
              <a:rPr lang="en-US" altLang="da-DK" sz="1000" b="1" noProof="1">
                <a:solidFill>
                  <a:schemeClr val="tx1"/>
                </a:solidFill>
                <a:latin typeface="+mn-lt"/>
                <a:cs typeface="Arial" pitchFamily="34" charset="0"/>
              </a:rPr>
              <a:t>SHIFT-</a:t>
            </a:r>
            <a:r>
              <a:rPr lang="en-US" altLang="da-DK" sz="1000" b="0" noProof="1">
                <a:solidFill>
                  <a:schemeClr val="tx1"/>
                </a:solidFill>
                <a:latin typeface="+mn-lt"/>
                <a:cs typeface="Arial" pitchFamily="34" charset="0"/>
              </a:rPr>
              <a:t>knappen nede, </a:t>
            </a:r>
            <a:br>
              <a:rPr lang="en-US" altLang="da-DK" sz="1000" b="0" noProof="1">
                <a:solidFill>
                  <a:schemeClr val="tx1"/>
                </a:solidFill>
                <a:latin typeface="+mn-lt"/>
                <a:cs typeface="Arial" pitchFamily="34" charset="0"/>
              </a:rPr>
            </a:br>
            <a:r>
              <a:rPr lang="en-US" altLang="da-DK" sz="1000" b="0" noProof="1">
                <a:solidFill>
                  <a:schemeClr val="tx1"/>
                </a:solidFill>
                <a:latin typeface="+mn-lt"/>
                <a:cs typeface="Arial" pitchFamily="34" charset="0"/>
              </a:rPr>
              <a:t>mens du trækker i hjørnet af billedet</a:t>
            </a:r>
            <a:endParaRPr lang="en-US" altLang="da-DK" sz="1000" b="0" kern="1200" noProof="1">
              <a:solidFill>
                <a:schemeClr val="tx1"/>
              </a:solidFill>
              <a:latin typeface="+mn-lt"/>
              <a:cs typeface="Arial" pitchFamily="34" charset="0"/>
            </a:endParaRPr>
          </a:p>
          <a:p>
            <a:pPr algn="l" eaLnBrk="1" hangingPunct="1">
              <a:lnSpc>
                <a:spcPct val="100000"/>
              </a:lnSpc>
              <a:spcAft>
                <a:spcPts val="800"/>
              </a:spcAft>
              <a:buFontTx/>
              <a:buNone/>
              <a:defRPr/>
            </a:pPr>
            <a:br>
              <a:rPr lang="en-US" altLang="da-DK" sz="1000" b="1" noProof="1">
                <a:solidFill>
                  <a:schemeClr val="tx1"/>
                </a:solidFill>
                <a:latin typeface="+mn-lt"/>
                <a:cs typeface="Arial" pitchFamily="34" charset="0"/>
              </a:rPr>
            </a:br>
            <a:r>
              <a:rPr lang="en-US" altLang="da-DK" sz="1000" b="1" noProof="1">
                <a:solidFill>
                  <a:schemeClr val="tx1"/>
                </a:solidFill>
                <a:latin typeface="+mn-lt"/>
                <a:cs typeface="Arial" pitchFamily="34" charset="0"/>
              </a:rPr>
              <a:t>Tip 1:</a:t>
            </a:r>
            <a:r>
              <a:rPr lang="en-US" altLang="da-DK" sz="1000" b="0" noProof="1">
                <a:solidFill>
                  <a:schemeClr val="tx1"/>
                </a:solidFill>
                <a:latin typeface="+mn-lt"/>
                <a:cs typeface="Arial" pitchFamily="34" charset="0"/>
              </a:rPr>
              <a:t> Hvis du sletter et billede og indsætter et nyt, kan det ske, at det nye billede lægger sig foran din tekst eller grafik. Hvis dette sker, </a:t>
            </a:r>
            <a:r>
              <a:rPr lang="en-US" altLang="da-DK" sz="1000" b="0" strike="noStrike" noProof="1">
                <a:solidFill>
                  <a:schemeClr val="tx1"/>
                </a:solidFill>
                <a:latin typeface="+mn-lt"/>
                <a:cs typeface="Arial" pitchFamily="34" charset="0"/>
              </a:rPr>
              <a:t>så vælg billedet, højreklik og vælg </a:t>
            </a:r>
            <a:r>
              <a:rPr lang="en-US" altLang="da-DK" sz="1000" b="1" noProof="1">
                <a:solidFill>
                  <a:schemeClr val="tx1"/>
                </a:solidFill>
                <a:latin typeface="+mn-lt"/>
                <a:cs typeface="Arial" pitchFamily="34" charset="0"/>
              </a:rPr>
              <a:t>Flyt bagud.</a:t>
            </a:r>
          </a:p>
          <a:p>
            <a:pPr algn="l" eaLnBrk="1" hangingPunct="1">
              <a:lnSpc>
                <a:spcPct val="100000"/>
              </a:lnSpc>
              <a:spcAft>
                <a:spcPts val="800"/>
              </a:spcAft>
              <a:buFontTx/>
              <a:buNone/>
              <a:defRPr/>
            </a:pPr>
            <a:endParaRPr lang="en-US" altLang="da-DK" sz="1000" b="1" noProof="1">
              <a:solidFill>
                <a:schemeClr val="tx1"/>
              </a:solidFill>
              <a:latin typeface="+mn-lt"/>
              <a:cs typeface="Arial" pitchFamily="34" charset="0"/>
            </a:endParaRPr>
          </a:p>
          <a:p>
            <a:pPr algn="l" eaLnBrk="1" hangingPunct="1">
              <a:lnSpc>
                <a:spcPct val="100000"/>
              </a:lnSpc>
              <a:spcAft>
                <a:spcPts val="800"/>
              </a:spcAft>
              <a:buFontTx/>
              <a:buNone/>
              <a:defRPr/>
            </a:pPr>
            <a:endParaRPr lang="en-US" altLang="da-DK" sz="1000" b="1" noProof="1">
              <a:solidFill>
                <a:schemeClr val="tx1"/>
              </a:solidFill>
              <a:latin typeface="+mn-lt"/>
              <a:cs typeface="Arial" pitchFamily="34" charset="0"/>
            </a:endParaRPr>
          </a:p>
          <a:p>
            <a:pPr algn="l" eaLnBrk="1" hangingPunct="1">
              <a:lnSpc>
                <a:spcPct val="100000"/>
              </a:lnSpc>
              <a:spcAft>
                <a:spcPts val="800"/>
              </a:spcAft>
              <a:buFontTx/>
              <a:buNone/>
              <a:defRPr/>
            </a:pPr>
            <a:endParaRPr lang="en-US" altLang="da-DK" sz="1000" b="1" noProof="1">
              <a:solidFill>
                <a:schemeClr val="tx1"/>
              </a:solidFill>
              <a:latin typeface="+mn-lt"/>
              <a:cs typeface="Arial" pitchFamily="34" charset="0"/>
            </a:endParaRPr>
          </a:p>
          <a:p>
            <a:pPr algn="l" eaLnBrk="1" hangingPunct="1">
              <a:lnSpc>
                <a:spcPct val="100000"/>
              </a:lnSpc>
              <a:spcAft>
                <a:spcPts val="800"/>
              </a:spcAft>
              <a:buFontTx/>
              <a:buNone/>
              <a:defRPr/>
            </a:pPr>
            <a:br>
              <a:rPr lang="en-US" altLang="da-DK" sz="1000" b="1" noProof="1">
                <a:solidFill>
                  <a:schemeClr val="tx1"/>
                </a:solidFill>
                <a:latin typeface="+mn-lt"/>
                <a:cs typeface="Arial" pitchFamily="34" charset="0"/>
              </a:rPr>
            </a:br>
            <a:r>
              <a:rPr lang="en-US" altLang="da-DK" sz="1000" b="1" noProof="1">
                <a:solidFill>
                  <a:schemeClr val="tx1"/>
                </a:solidFill>
                <a:latin typeface="+mn-lt"/>
                <a:cs typeface="Arial" pitchFamily="34" charset="0"/>
              </a:rPr>
              <a:t>Tip 2: </a:t>
            </a:r>
            <a:r>
              <a:rPr lang="en-US" altLang="da-DK" sz="1000" b="0" noProof="1">
                <a:solidFill>
                  <a:schemeClr val="tx1"/>
                </a:solidFill>
                <a:latin typeface="+mn-lt"/>
                <a:cs typeface="Arial" pitchFamily="34" charset="0"/>
              </a:rPr>
              <a:t>Skabelonen </a:t>
            </a:r>
            <a:r>
              <a:rPr lang="en-US" altLang="da-DK" sz="1000" b="1" noProof="1">
                <a:solidFill>
                  <a:schemeClr val="tx1"/>
                </a:solidFill>
                <a:latin typeface="+mn-lt"/>
                <a:cs typeface="Arial" pitchFamily="34" charset="0"/>
              </a:rPr>
              <a:t>Citatslide </a:t>
            </a:r>
            <a:r>
              <a:rPr lang="en-US" altLang="da-DK" sz="1000" b="0" noProof="1">
                <a:solidFill>
                  <a:schemeClr val="tx1"/>
                </a:solidFill>
                <a:latin typeface="+mn-lt"/>
                <a:cs typeface="Arial" pitchFamily="34" charset="0"/>
              </a:rPr>
              <a:t>har en billedplaceholder, som du ikke kan bruge pga. tekstfeltet på sliden. Henover denne slide er beskrevet, hvordan du indsætter et billede under citatet.</a:t>
            </a:r>
          </a:p>
          <a:p>
            <a:pPr algn="l" eaLnBrk="1" hangingPunct="1">
              <a:lnSpc>
                <a:spcPct val="100000"/>
              </a:lnSpc>
              <a:spcAft>
                <a:spcPts val="800"/>
              </a:spcAft>
              <a:buFontTx/>
              <a:buNone/>
              <a:defRPr/>
            </a:pPr>
            <a:endParaRPr lang="en-US" altLang="da-DK" sz="1000" b="0" noProof="1">
              <a:solidFill>
                <a:schemeClr val="tx1"/>
              </a:solidFill>
              <a:latin typeface="+mn-lt"/>
              <a:cs typeface="Arial" pitchFamily="34" charset="0"/>
            </a:endParaRPr>
          </a:p>
          <a:p>
            <a:pPr eaLnBrk="1" fontAlgn="auto" hangingPunct="1">
              <a:lnSpc>
                <a:spcPct val="100000"/>
              </a:lnSpc>
              <a:spcAft>
                <a:spcPts val="320"/>
              </a:spcAft>
              <a:buFont typeface="+mj-lt"/>
              <a:buNone/>
              <a:defRPr/>
            </a:pPr>
            <a:endParaRPr lang="en-US" sz="1000" b="1" noProof="1">
              <a:solidFill>
                <a:schemeClr val="tx1"/>
              </a:solidFill>
              <a:cs typeface="Arial" charset="0"/>
            </a:endParaRPr>
          </a:p>
        </p:txBody>
      </p:sp>
      <p:pic>
        <p:nvPicPr>
          <p:cNvPr id="10" name="Billede 22">
            <a:extLst>
              <a:ext uri="{FF2B5EF4-FFF2-40B4-BE49-F238E27FC236}">
                <a16:creationId xmlns:a16="http://schemas.microsoft.com/office/drawing/2014/main" id="{800E34C2-AA0B-F6AD-05FC-EF3DFD697C9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508092" y="2890981"/>
            <a:ext cx="449867" cy="428943"/>
          </a:xfrm>
          <a:prstGeom prst="rect">
            <a:avLst/>
          </a:prstGeom>
        </p:spPr>
      </p:pic>
      <p:sp>
        <p:nvSpPr>
          <p:cNvPr id="11" name="Text Box 48">
            <a:extLst>
              <a:ext uri="{FF2B5EF4-FFF2-40B4-BE49-F238E27FC236}">
                <a16:creationId xmlns:a16="http://schemas.microsoft.com/office/drawing/2014/main" id="{0AA2E476-7DF6-C22A-6600-B4A6EFCB91A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2912" y="1806388"/>
            <a:ext cx="2869761" cy="16927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92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ts val="800"/>
              </a:spcAft>
              <a:defRPr/>
            </a:pPr>
            <a:r>
              <a:rPr lang="en-US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LAYOUT PÅ EN SLIDE</a:t>
            </a:r>
          </a:p>
          <a:p>
            <a:pPr marL="0" indent="0" eaLnBrk="1" hangingPunct="1">
              <a:lnSpc>
                <a:spcPct val="100000"/>
              </a:lnSpc>
              <a:spcAft>
                <a:spcPts val="800"/>
              </a:spcAft>
              <a:buFont typeface="+mj-lt"/>
              <a:buNone/>
              <a:defRPr/>
            </a:pPr>
            <a:r>
              <a:rPr lang="en-US" sz="1000" b="0" noProof="1">
                <a:latin typeface="+mn-lt"/>
                <a:cs typeface="Arial" panose="020B0604020202020204" pitchFamily="34" charset="0"/>
              </a:rPr>
              <a:t>Du kan nulstille dit slidelayout, hvis du er kommet til at rykke rundt på slideskabelonens elementer:</a:t>
            </a:r>
            <a:endParaRPr lang="en-US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228600" marR="0" indent="-228600" algn="l" defTabSz="1219170" rtl="0" eaLnBrk="1" fontAlgn="auto" latinLnBrk="0" hangingPunct="1">
              <a:lnSpc>
                <a:spcPct val="100000"/>
              </a:lnSpc>
              <a:spcAft>
                <a:spcPts val="80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en-US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endParaRPr lang="en-US" altLang="da-DK" sz="1000" b="1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228600" marR="0" indent="-228600" algn="l" defTabSz="1219170" rtl="0" eaLnBrk="1" fontAlgn="auto" latinLnBrk="0" hangingPunct="1">
              <a:lnSpc>
                <a:spcPct val="100000"/>
              </a:lnSpc>
              <a:spcAft>
                <a:spcPts val="80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en-US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en-US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en og størrelsen på slideskabelonens elementer (tekst, billeder, bokse, farver osv).</a:t>
            </a:r>
            <a:endParaRPr lang="en-US" sz="10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7F0D20F0-2046-EDF1-4D94-CA61A5FE69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551379" y="2081877"/>
            <a:ext cx="349535" cy="341405"/>
          </a:xfrm>
          <a:prstGeom prst="rect">
            <a:avLst/>
          </a:prstGeom>
        </p:spPr>
      </p:pic>
      <p:pic>
        <p:nvPicPr>
          <p:cNvPr id="17" name="Billede 1">
            <a:extLst>
              <a:ext uri="{FF2B5EF4-FFF2-40B4-BE49-F238E27FC236}">
                <a16:creationId xmlns:a16="http://schemas.microsoft.com/office/drawing/2014/main" id="{A7176204-B9C7-38A7-60CC-DE2FAB2FEC15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387535" y="3375685"/>
            <a:ext cx="479593" cy="447079"/>
          </a:xfrm>
          <a:prstGeom prst="rect">
            <a:avLst/>
          </a:prstGeom>
        </p:spPr>
      </p:pic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81C18549-4DBA-E73C-14C2-855ACB76ABCD}"/>
              </a:ext>
            </a:extLst>
          </p:cNvPr>
          <p:cNvCxnSpPr>
            <a:cxnSpLocks/>
          </p:cNvCxnSpPr>
          <p:nvPr userDrawn="1"/>
        </p:nvCxnSpPr>
        <p:spPr>
          <a:xfrm>
            <a:off x="4162425" y="1806387"/>
            <a:ext cx="0" cy="4500000"/>
          </a:xfrm>
          <a:prstGeom prst="line">
            <a:avLst/>
          </a:prstGeom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DFCDFEAD-FC08-EE90-D942-2468F15AA395}"/>
              </a:ext>
            </a:extLst>
          </p:cNvPr>
          <p:cNvCxnSpPr>
            <a:cxnSpLocks/>
          </p:cNvCxnSpPr>
          <p:nvPr userDrawn="1"/>
        </p:nvCxnSpPr>
        <p:spPr>
          <a:xfrm>
            <a:off x="8048625" y="1806387"/>
            <a:ext cx="0" cy="4500000"/>
          </a:xfrm>
          <a:prstGeom prst="line">
            <a:avLst/>
          </a:prstGeom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98986A42-8CA8-1631-E1D3-899E6C1862F2}"/>
              </a:ext>
            </a:extLst>
          </p:cNvPr>
          <p:cNvSpPr txBox="1"/>
          <p:nvPr userDrawn="1"/>
        </p:nvSpPr>
        <p:spPr>
          <a:xfrm>
            <a:off x="442913" y="441325"/>
            <a:ext cx="8598054" cy="9915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0"/>
              </a:spcBef>
              <a:buSzPct val="80000"/>
              <a:buFont typeface="Arial" panose="020B0604020202020204" pitchFamily="34" charset="0"/>
              <a:buNone/>
            </a:pPr>
            <a:r>
              <a:rPr lang="en-GB" sz="3200" b="1">
                <a:latin typeface="+mj-lt"/>
              </a:rPr>
              <a:t>Tips </a:t>
            </a:r>
            <a:r>
              <a:rPr lang="en-GB" sz="3200" b="1" err="1">
                <a:latin typeface="+mj-lt"/>
              </a:rPr>
              <a:t>og</a:t>
            </a:r>
            <a:r>
              <a:rPr lang="en-GB" sz="3200" b="1">
                <a:latin typeface="+mj-lt"/>
              </a:rPr>
              <a:t> tricks #1</a:t>
            </a:r>
            <a:endParaRPr lang="en-GB" sz="1600" b="1">
              <a:solidFill>
                <a:schemeClr val="accent2"/>
              </a:solidFill>
              <a:latin typeface="+mj-lt"/>
            </a:endParaRPr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22722981-EC4A-FD87-359C-B23F4F7006E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r="29997"/>
          <a:stretch/>
        </p:blipFill>
        <p:spPr>
          <a:xfrm>
            <a:off x="442913" y="3663496"/>
            <a:ext cx="3153728" cy="2229103"/>
          </a:xfrm>
          <a:prstGeom prst="rect">
            <a:avLst/>
          </a:prstGeom>
        </p:spPr>
      </p:pic>
      <p:pic>
        <p:nvPicPr>
          <p:cNvPr id="21" name="Billede 20">
            <a:extLst>
              <a:ext uri="{FF2B5EF4-FFF2-40B4-BE49-F238E27FC236}">
                <a16:creationId xmlns:a16="http://schemas.microsoft.com/office/drawing/2014/main" id="{95AE9CA1-93EB-0EC7-6061-0C759A6C663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5033"/>
          <a:stretch/>
        </p:blipFill>
        <p:spPr>
          <a:xfrm>
            <a:off x="4330161" y="4778047"/>
            <a:ext cx="2286001" cy="745222"/>
          </a:xfrm>
          <a:prstGeom prst="rect">
            <a:avLst/>
          </a:prstGeom>
          <a:ln>
            <a:solidFill>
              <a:schemeClr val="bg1">
                <a:lumMod val="65000"/>
              </a:schemeClr>
            </a:solidFill>
          </a:ln>
          <a:effectLst/>
        </p:spPr>
      </p:pic>
      <p:cxnSp>
        <p:nvCxnSpPr>
          <p:cNvPr id="20" name="Lige pilforbindelse 19">
            <a:extLst>
              <a:ext uri="{FF2B5EF4-FFF2-40B4-BE49-F238E27FC236}">
                <a16:creationId xmlns:a16="http://schemas.microsoft.com/office/drawing/2014/main" id="{F3A3CFC3-B411-905F-E220-5F389A70E691}"/>
              </a:ext>
            </a:extLst>
          </p:cNvPr>
          <p:cNvCxnSpPr>
            <a:cxnSpLocks/>
          </p:cNvCxnSpPr>
          <p:nvPr userDrawn="1"/>
        </p:nvCxnSpPr>
        <p:spPr>
          <a:xfrm flipH="1">
            <a:off x="2370601" y="4224254"/>
            <a:ext cx="991164" cy="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22" name="Lige pilforbindelse 21">
            <a:extLst>
              <a:ext uri="{FF2B5EF4-FFF2-40B4-BE49-F238E27FC236}">
                <a16:creationId xmlns:a16="http://schemas.microsoft.com/office/drawing/2014/main" id="{C6151912-BF13-A809-04D4-A164CB5CB854}"/>
              </a:ext>
            </a:extLst>
          </p:cNvPr>
          <p:cNvCxnSpPr>
            <a:cxnSpLocks/>
          </p:cNvCxnSpPr>
          <p:nvPr userDrawn="1"/>
        </p:nvCxnSpPr>
        <p:spPr>
          <a:xfrm flipH="1">
            <a:off x="6712937" y="5392061"/>
            <a:ext cx="674598" cy="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pic>
        <p:nvPicPr>
          <p:cNvPr id="24" name="Billede 23">
            <a:extLst>
              <a:ext uri="{FF2B5EF4-FFF2-40B4-BE49-F238E27FC236}">
                <a16:creationId xmlns:a16="http://schemas.microsoft.com/office/drawing/2014/main" id="{5C8B8887-D8CA-DDF6-B4BA-09D5A4F312C9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8220078" y="3997756"/>
            <a:ext cx="3539304" cy="22563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8711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ps og tricks #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Rectangle 90">
            <a:extLst>
              <a:ext uri="{FF2B5EF4-FFF2-40B4-BE49-F238E27FC236}">
                <a16:creationId xmlns:a16="http://schemas.microsoft.com/office/drawing/2014/main" id="{CD68E269-9CB2-D88F-5CAD-168BAC8B9FC7}"/>
              </a:ext>
            </a:extLst>
          </p:cNvPr>
          <p:cNvSpPr/>
          <p:nvPr userDrawn="1"/>
        </p:nvSpPr>
        <p:spPr>
          <a:xfrm rot="-180000">
            <a:off x="446922" y="926798"/>
            <a:ext cx="1729240" cy="380503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0000" bIns="90000" rtlCol="0" anchor="t" anchorCtr="0"/>
          <a:lstStyle/>
          <a:p>
            <a:pPr algn="l"/>
            <a:endParaRPr lang="en-GB" sz="1600" b="0" err="1">
              <a:solidFill>
                <a:schemeClr val="bg1"/>
              </a:solidFill>
            </a:endParaRPr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845E9104-FC9A-6C64-7AF8-B361F9BAC48E}"/>
              </a:ext>
            </a:extLst>
          </p:cNvPr>
          <p:cNvSpPr txBox="1"/>
          <p:nvPr userDrawn="1"/>
        </p:nvSpPr>
        <p:spPr>
          <a:xfrm>
            <a:off x="575008" y="931374"/>
            <a:ext cx="2019660" cy="47176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2000" b="1" err="1">
                <a:solidFill>
                  <a:schemeClr val="accent2"/>
                </a:solidFill>
                <a:latin typeface="+mj-lt"/>
              </a:rPr>
              <a:t>Slet</a:t>
            </a:r>
            <a:r>
              <a:rPr lang="en-US" sz="2000" b="1">
                <a:solidFill>
                  <a:schemeClr val="accent2"/>
                </a:solidFill>
                <a:latin typeface="+mj-lt"/>
              </a:rPr>
              <a:t> </a:t>
            </a:r>
            <a:r>
              <a:rPr lang="en-US" sz="2000" b="1" err="1">
                <a:solidFill>
                  <a:schemeClr val="accent2"/>
                </a:solidFill>
                <a:latin typeface="+mj-lt"/>
              </a:rPr>
              <a:t>før</a:t>
            </a:r>
            <a:r>
              <a:rPr lang="en-US" sz="2000" b="1">
                <a:solidFill>
                  <a:schemeClr val="accent2"/>
                </a:solidFill>
                <a:latin typeface="+mj-lt"/>
              </a:rPr>
              <a:t> </a:t>
            </a:r>
            <a:r>
              <a:rPr lang="en-US" sz="2000" b="1" err="1">
                <a:solidFill>
                  <a:schemeClr val="accent2"/>
                </a:solidFill>
                <a:latin typeface="+mj-lt"/>
              </a:rPr>
              <a:t>brug</a:t>
            </a:r>
            <a:endParaRPr lang="en-GB" sz="2000" b="1" err="1">
              <a:solidFill>
                <a:schemeClr val="accent2"/>
              </a:solidFill>
              <a:latin typeface="+mj-lt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8986A42-8CA8-1631-E1D3-899E6C1862F2}"/>
              </a:ext>
            </a:extLst>
          </p:cNvPr>
          <p:cNvSpPr txBox="1"/>
          <p:nvPr userDrawn="1"/>
        </p:nvSpPr>
        <p:spPr>
          <a:xfrm>
            <a:off x="442913" y="441325"/>
            <a:ext cx="8598054" cy="9915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0"/>
              </a:spcBef>
              <a:buSzPct val="80000"/>
              <a:buFont typeface="Arial" panose="020B0604020202020204" pitchFamily="34" charset="0"/>
              <a:buNone/>
            </a:pPr>
            <a:r>
              <a:rPr lang="en-GB" sz="3200" b="1">
                <a:latin typeface="+mj-lt"/>
              </a:rPr>
              <a:t>Tips </a:t>
            </a:r>
            <a:r>
              <a:rPr lang="en-GB" sz="3200" b="1" err="1">
                <a:latin typeface="+mj-lt"/>
              </a:rPr>
              <a:t>og</a:t>
            </a:r>
            <a:r>
              <a:rPr lang="en-GB" sz="3200" b="1">
                <a:latin typeface="+mj-lt"/>
              </a:rPr>
              <a:t> tricks #2</a:t>
            </a:r>
            <a:endParaRPr lang="en-GB" sz="1600" b="1">
              <a:solidFill>
                <a:schemeClr val="accent2"/>
              </a:solidFill>
              <a:latin typeface="+mj-lt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039C2CC1-09C1-EE5C-7256-8C42191876D3}"/>
              </a:ext>
            </a:extLst>
          </p:cNvPr>
          <p:cNvSpPr txBox="1"/>
          <p:nvPr userDrawn="1"/>
        </p:nvSpPr>
        <p:spPr>
          <a:xfrm>
            <a:off x="435966" y="1806388"/>
            <a:ext cx="3526574" cy="446404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b="1">
                <a:solidFill>
                  <a:schemeClr val="accent2"/>
                </a:solidFill>
              </a:rPr>
              <a:t>FREMHÆVNING AF ET ORD I EN OVERSKRIFT</a:t>
            </a:r>
            <a:br>
              <a:rPr lang="en-US" sz="1000" b="1">
                <a:solidFill>
                  <a:schemeClr val="accent2"/>
                </a:solidFill>
              </a:rPr>
            </a:br>
            <a:endParaRPr lang="en-US" sz="1000" b="1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endParaRPr lang="en-US" sz="1000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endParaRPr lang="en-US" sz="1000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br>
              <a:rPr lang="en-US" sz="1000">
                <a:solidFill>
                  <a:schemeClr val="accent2"/>
                </a:solidFill>
              </a:rPr>
            </a:br>
            <a:endParaRPr lang="en-US" sz="1000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>
                <a:solidFill>
                  <a:schemeClr val="accent2"/>
                </a:solidFill>
              </a:rPr>
              <a:t>Du </a:t>
            </a:r>
            <a:r>
              <a:rPr lang="en-US" sz="1000" err="1">
                <a:solidFill>
                  <a:schemeClr val="accent2"/>
                </a:solidFill>
              </a:rPr>
              <a:t>ka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vælge</a:t>
            </a:r>
            <a:r>
              <a:rPr lang="en-US" sz="1000">
                <a:solidFill>
                  <a:schemeClr val="accent2"/>
                </a:solidFill>
              </a:rPr>
              <a:t> at </a:t>
            </a:r>
            <a:r>
              <a:rPr lang="en-US" sz="1000" err="1">
                <a:solidFill>
                  <a:schemeClr val="accent2"/>
                </a:solidFill>
              </a:rPr>
              <a:t>fremhæve</a:t>
            </a:r>
            <a:r>
              <a:rPr lang="en-US" sz="1000">
                <a:solidFill>
                  <a:schemeClr val="accent2"/>
                </a:solidFill>
              </a:rPr>
              <a:t> et </a:t>
            </a:r>
            <a:r>
              <a:rPr lang="en-US" sz="1000" err="1">
                <a:solidFill>
                  <a:schemeClr val="accent2"/>
                </a:solidFill>
              </a:rPr>
              <a:t>ord</a:t>
            </a:r>
            <a:r>
              <a:rPr lang="en-US" sz="1000">
                <a:solidFill>
                  <a:schemeClr val="accent2"/>
                </a:solidFill>
              </a:rPr>
              <a:t> i </a:t>
            </a:r>
            <a:r>
              <a:rPr lang="en-US" sz="1000" err="1">
                <a:solidFill>
                  <a:schemeClr val="accent2"/>
                </a:solidFill>
              </a:rPr>
              <a:t>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verskriften</a:t>
            </a:r>
            <a:r>
              <a:rPr lang="en-US" sz="1000">
                <a:solidFill>
                  <a:schemeClr val="accent2"/>
                </a:solidFill>
              </a:rPr>
              <a:t>, </a:t>
            </a:r>
            <a:r>
              <a:rPr lang="en-US" sz="1000" err="1">
                <a:solidFill>
                  <a:schemeClr val="accent2"/>
                </a:solidFill>
              </a:rPr>
              <a:t>hvis</a:t>
            </a:r>
            <a:r>
              <a:rPr lang="en-US" sz="1000">
                <a:solidFill>
                  <a:schemeClr val="accent2"/>
                </a:solidFill>
              </a:rPr>
              <a:t> du </a:t>
            </a:r>
            <a:r>
              <a:rPr lang="en-US" sz="1000" err="1">
                <a:solidFill>
                  <a:schemeClr val="accent2"/>
                </a:solidFill>
              </a:rPr>
              <a:t>synes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dett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rd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skal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stå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særlig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frem</a:t>
            </a:r>
            <a:r>
              <a:rPr lang="en-US" sz="1000">
                <a:solidFill>
                  <a:schemeClr val="accent2"/>
                </a:solidFill>
              </a:rPr>
              <a:t>:</a:t>
            </a:r>
          </a:p>
          <a:p>
            <a:pPr marL="228600" lvl="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r>
              <a:rPr lang="en-US" sz="1000">
                <a:solidFill>
                  <a:schemeClr val="accent2"/>
                </a:solidFill>
              </a:rPr>
              <a:t>Start med at </a:t>
            </a:r>
            <a:r>
              <a:rPr lang="en-US" sz="1000" err="1">
                <a:solidFill>
                  <a:schemeClr val="accent2"/>
                </a:solidFill>
              </a:rPr>
              <a:t>sætte</a:t>
            </a:r>
            <a:r>
              <a:rPr lang="en-US" sz="1000">
                <a:solidFill>
                  <a:schemeClr val="accent2"/>
                </a:solidFill>
              </a:rPr>
              <a:t> et </a:t>
            </a:r>
            <a:r>
              <a:rPr lang="en-US" sz="1000" err="1">
                <a:solidFill>
                  <a:schemeClr val="accent2"/>
                </a:solidFill>
              </a:rPr>
              <a:t>ekstra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mellemrum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før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g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efter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rdet</a:t>
            </a:r>
            <a:r>
              <a:rPr lang="en-US" sz="1000">
                <a:solidFill>
                  <a:schemeClr val="accent2"/>
                </a:solidFill>
              </a:rPr>
              <a:t>.</a:t>
            </a:r>
          </a:p>
          <a:p>
            <a:pPr marL="228600" lvl="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r>
              <a:rPr lang="en-US" sz="1000">
                <a:solidFill>
                  <a:schemeClr val="accent2"/>
                </a:solidFill>
              </a:rPr>
              <a:t>Marker </a:t>
            </a:r>
            <a:r>
              <a:rPr lang="en-US" sz="1000" err="1">
                <a:solidFill>
                  <a:schemeClr val="accent2"/>
                </a:solidFill>
              </a:rPr>
              <a:t>derefter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rde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inkl</a:t>
            </a:r>
            <a:r>
              <a:rPr lang="en-US" sz="1000">
                <a:solidFill>
                  <a:schemeClr val="accent2"/>
                </a:solidFill>
              </a:rPr>
              <a:t>. de to </a:t>
            </a:r>
            <a:r>
              <a:rPr lang="en-US" sz="1000" err="1">
                <a:solidFill>
                  <a:schemeClr val="accent2"/>
                </a:solidFill>
              </a:rPr>
              <a:t>ekstra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mellemrum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mkring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rde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g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vælg</a:t>
            </a:r>
            <a:r>
              <a:rPr lang="en-US" sz="1000">
                <a:solidFill>
                  <a:schemeClr val="accent2"/>
                </a:solidFill>
              </a:rPr>
              <a:t> sort under </a:t>
            </a:r>
            <a:r>
              <a:rPr lang="en-US" sz="1000" err="1">
                <a:solidFill>
                  <a:schemeClr val="accent2"/>
                </a:solidFill>
              </a:rPr>
              <a:t>knapp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b="1" err="1">
                <a:solidFill>
                  <a:schemeClr val="accent2"/>
                </a:solidFill>
              </a:rPr>
              <a:t>Fremhæv</a:t>
            </a:r>
            <a:r>
              <a:rPr lang="en-US" sz="1000" b="1">
                <a:solidFill>
                  <a:schemeClr val="accent2"/>
                </a:solidFill>
              </a:rPr>
              <a:t> </a:t>
            </a:r>
            <a:r>
              <a:rPr lang="en-US" sz="1000" b="1" err="1">
                <a:solidFill>
                  <a:schemeClr val="accent2"/>
                </a:solidFill>
              </a:rPr>
              <a:t>tekstfarve</a:t>
            </a:r>
            <a:r>
              <a:rPr lang="en-US" sz="1000">
                <a:solidFill>
                  <a:schemeClr val="accent2"/>
                </a:solidFill>
              </a:rPr>
              <a:t> i </a:t>
            </a:r>
            <a:r>
              <a:rPr lang="en-US" sz="1000" err="1">
                <a:solidFill>
                  <a:schemeClr val="accent2"/>
                </a:solidFill>
              </a:rPr>
              <a:t>topmenuen</a:t>
            </a:r>
            <a:r>
              <a:rPr lang="en-US" sz="1000">
                <a:solidFill>
                  <a:schemeClr val="accent2"/>
                </a:solidFill>
              </a:rPr>
              <a:t>:</a:t>
            </a:r>
          </a:p>
          <a:p>
            <a:pPr marL="228600" lvl="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en-US" sz="1000">
              <a:solidFill>
                <a:schemeClr val="accent2"/>
              </a:solidFill>
            </a:endParaRPr>
          </a:p>
          <a:p>
            <a:pPr marL="228600" lvl="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en-US" sz="1000">
              <a:solidFill>
                <a:schemeClr val="accent2"/>
              </a:solidFill>
            </a:endParaRPr>
          </a:p>
          <a:p>
            <a:pPr marL="228600" lvl="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en-US" sz="1000">
              <a:solidFill>
                <a:schemeClr val="accent2"/>
              </a:solidFill>
            </a:endParaRPr>
          </a:p>
          <a:p>
            <a:pPr marL="228600" lvl="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r>
              <a:rPr lang="en-US" sz="1000" err="1">
                <a:solidFill>
                  <a:schemeClr val="accent2"/>
                </a:solidFill>
              </a:rPr>
              <a:t>Herefter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markeret</a:t>
            </a:r>
            <a:r>
              <a:rPr lang="en-US" sz="1000">
                <a:solidFill>
                  <a:schemeClr val="accent2"/>
                </a:solidFill>
              </a:rPr>
              <a:t> du </a:t>
            </a:r>
            <a:r>
              <a:rPr lang="en-US" sz="1000" err="1">
                <a:solidFill>
                  <a:schemeClr val="accent2"/>
                </a:solidFill>
              </a:rPr>
              <a:t>orde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ig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g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ændrer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rdets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skriftfarv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til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hvid</a:t>
            </a:r>
            <a:r>
              <a:rPr lang="en-US" sz="1000">
                <a:solidFill>
                  <a:schemeClr val="accent2"/>
                </a:solidFill>
              </a:rPr>
              <a:t>.</a:t>
            </a:r>
            <a:endParaRPr lang="en-GB" sz="1000" err="1">
              <a:solidFill>
                <a:schemeClr val="accent2"/>
              </a:solidFill>
            </a:endParaRP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AFBEF7CA-F2B1-A6E7-150F-84BD25F9F8E2}"/>
              </a:ext>
            </a:extLst>
          </p:cNvPr>
          <p:cNvSpPr txBox="1"/>
          <p:nvPr userDrawn="1"/>
        </p:nvSpPr>
        <p:spPr>
          <a:xfrm>
            <a:off x="4341256" y="1806388"/>
            <a:ext cx="3603443" cy="450233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b="1">
                <a:solidFill>
                  <a:schemeClr val="accent2"/>
                </a:solidFill>
              </a:rPr>
              <a:t>FARVER OG FIGURER</a:t>
            </a: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err="1">
                <a:solidFill>
                  <a:schemeClr val="accent2"/>
                </a:solidFill>
              </a:rPr>
              <a:t>Børns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Vilkårs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fficiell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farver</a:t>
            </a:r>
            <a:r>
              <a:rPr lang="en-US" sz="1000">
                <a:solidFill>
                  <a:schemeClr val="accent2"/>
                </a:solidFill>
              </a:rPr>
              <a:t> er </a:t>
            </a:r>
            <a:r>
              <a:rPr lang="en-US" sz="1000" err="1">
                <a:solidFill>
                  <a:schemeClr val="accent2"/>
                </a:solidFill>
              </a:rPr>
              <a:t>indlejre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i</a:t>
            </a:r>
            <a:r>
              <a:rPr lang="en-US" sz="1000">
                <a:solidFill>
                  <a:schemeClr val="accent2"/>
                </a:solidFill>
              </a:rPr>
              <a:t> PowerPoint-</a:t>
            </a:r>
            <a:r>
              <a:rPr lang="en-US" sz="1000" err="1">
                <a:solidFill>
                  <a:schemeClr val="accent2"/>
                </a:solidFill>
              </a:rPr>
              <a:t>skabelonen</a:t>
            </a:r>
            <a:r>
              <a:rPr lang="en-US" sz="1000">
                <a:solidFill>
                  <a:schemeClr val="accent2"/>
                </a:solidFill>
              </a:rPr>
              <a:t>. </a:t>
            </a: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err="1">
                <a:solidFill>
                  <a:schemeClr val="accent2"/>
                </a:solidFill>
              </a:rPr>
              <a:t>Nogle</a:t>
            </a:r>
            <a:r>
              <a:rPr lang="en-US" sz="1000">
                <a:solidFill>
                  <a:schemeClr val="accent2"/>
                </a:solidFill>
              </a:rPr>
              <a:t> slides </a:t>
            </a:r>
            <a:r>
              <a:rPr lang="en-US" sz="1000" err="1">
                <a:solidFill>
                  <a:schemeClr val="accent2"/>
                </a:solidFill>
              </a:rPr>
              <a:t>indeholder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farve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kass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til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teks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eller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citat</a:t>
            </a:r>
            <a:r>
              <a:rPr lang="en-US" sz="1000">
                <a:solidFill>
                  <a:schemeClr val="accent2"/>
                </a:solidFill>
              </a:rPr>
              <a:t>. Den </a:t>
            </a:r>
            <a:r>
              <a:rPr lang="en-US" sz="1000" err="1">
                <a:solidFill>
                  <a:schemeClr val="accent2"/>
                </a:solidFill>
              </a:rPr>
              <a:t>kan</a:t>
            </a:r>
            <a:r>
              <a:rPr lang="en-US" sz="1000">
                <a:solidFill>
                  <a:schemeClr val="accent2"/>
                </a:solidFill>
              </a:rPr>
              <a:t> du </a:t>
            </a:r>
            <a:r>
              <a:rPr lang="en-US" sz="1000" err="1">
                <a:solidFill>
                  <a:schemeClr val="accent2"/>
                </a:solidFill>
              </a:rPr>
              <a:t>ændr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farv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på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ved</a:t>
            </a:r>
            <a:r>
              <a:rPr lang="en-US" sz="1000">
                <a:solidFill>
                  <a:schemeClr val="accent2"/>
                </a:solidFill>
              </a:rPr>
              <a:t> at </a:t>
            </a:r>
            <a:r>
              <a:rPr lang="en-US" sz="1000" err="1">
                <a:solidFill>
                  <a:schemeClr val="accent2"/>
                </a:solidFill>
              </a:rPr>
              <a:t>marker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boks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g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herefter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vælg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b="1" err="1">
                <a:solidFill>
                  <a:schemeClr val="accent2"/>
                </a:solidFill>
              </a:rPr>
              <a:t>Figurforma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>
                <a:solidFill>
                  <a:schemeClr val="accent2"/>
                </a:solidFill>
                <a:sym typeface="Wingdings" panose="05000000000000000000" pitchFamily="2" charset="2"/>
              </a:rPr>
              <a:t> </a:t>
            </a:r>
            <a:r>
              <a:rPr lang="en-US" sz="1000" b="1" err="1">
                <a:solidFill>
                  <a:schemeClr val="accent2"/>
                </a:solidFill>
                <a:sym typeface="Wingdings" panose="05000000000000000000" pitchFamily="2" charset="2"/>
              </a:rPr>
              <a:t>Udfyldningsfarve</a:t>
            </a:r>
            <a:r>
              <a:rPr lang="en-US" sz="1000" b="1">
                <a:solidFill>
                  <a:schemeClr val="accent2"/>
                </a:solidFill>
                <a:sym typeface="Wingdings" panose="05000000000000000000" pitchFamily="2" charset="2"/>
              </a:rPr>
              <a:t> </a:t>
            </a:r>
            <a:r>
              <a:rPr lang="en-US" sz="1000" b="1" err="1">
                <a:solidFill>
                  <a:schemeClr val="accent2"/>
                </a:solidFill>
                <a:sym typeface="Wingdings" panose="05000000000000000000" pitchFamily="2" charset="2"/>
              </a:rPr>
              <a:t>til</a:t>
            </a:r>
            <a:r>
              <a:rPr lang="en-US" sz="1000" b="1">
                <a:solidFill>
                  <a:schemeClr val="accent2"/>
                </a:solidFill>
                <a:sym typeface="Wingdings" panose="05000000000000000000" pitchFamily="2" charset="2"/>
              </a:rPr>
              <a:t> </a:t>
            </a:r>
            <a:r>
              <a:rPr lang="en-US" sz="1000" b="1" err="1">
                <a:solidFill>
                  <a:schemeClr val="accent2"/>
                </a:solidFill>
                <a:sym typeface="Wingdings" panose="05000000000000000000" pitchFamily="2" charset="2"/>
              </a:rPr>
              <a:t>figur</a:t>
            </a:r>
            <a:r>
              <a:rPr lang="en-US" sz="1000">
                <a:solidFill>
                  <a:schemeClr val="accent2"/>
                </a:solidFill>
                <a:sym typeface="Wingdings" panose="05000000000000000000" pitchFamily="2" charset="2"/>
              </a:rPr>
              <a:t>. </a:t>
            </a: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>
                <a:solidFill>
                  <a:schemeClr val="accent2"/>
                </a:solidFill>
                <a:sym typeface="Wingdings" panose="05000000000000000000" pitchFamily="2" charset="2"/>
              </a:rPr>
              <a:t>NB. </a:t>
            </a:r>
            <a:r>
              <a:rPr lang="en-US" sz="1000">
                <a:solidFill>
                  <a:schemeClr val="accent2"/>
                </a:solidFill>
              </a:rPr>
              <a:t>Det er </a:t>
            </a:r>
            <a:r>
              <a:rPr lang="en-US" sz="1000" err="1">
                <a:solidFill>
                  <a:schemeClr val="accent2"/>
                </a:solidFill>
              </a:rPr>
              <a:t>vigtigt</a:t>
            </a:r>
            <a:r>
              <a:rPr lang="en-US" sz="1000">
                <a:solidFill>
                  <a:schemeClr val="accent2"/>
                </a:solidFill>
              </a:rPr>
              <a:t>, at du </a:t>
            </a:r>
            <a:r>
              <a:rPr lang="en-US" sz="1000" err="1">
                <a:solidFill>
                  <a:schemeClr val="accent2"/>
                </a:solidFill>
              </a:rPr>
              <a:t>vælger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b="0">
                <a:solidFill>
                  <a:schemeClr val="accent2"/>
                </a:solidFill>
              </a:rPr>
              <a:t>Børns Vilkår </a:t>
            </a:r>
            <a:r>
              <a:rPr lang="en-US" sz="1000" b="1" err="1">
                <a:solidFill>
                  <a:schemeClr val="accent2"/>
                </a:solidFill>
              </a:rPr>
              <a:t>Temafarve</a:t>
            </a:r>
            <a:r>
              <a:rPr lang="en-US" sz="1000" b="1">
                <a:solidFill>
                  <a:schemeClr val="accent2"/>
                </a:solidFill>
              </a:rPr>
              <a:t>. </a:t>
            </a:r>
            <a:r>
              <a:rPr lang="en-US" sz="1000" b="0">
                <a:solidFill>
                  <a:schemeClr val="accent2"/>
                </a:solidFill>
              </a:rPr>
              <a:t>Dem </a:t>
            </a:r>
            <a:r>
              <a:rPr lang="en-US" sz="1000">
                <a:solidFill>
                  <a:schemeClr val="accent2"/>
                </a:solidFill>
              </a:rPr>
              <a:t>finder du under </a:t>
            </a:r>
            <a:r>
              <a:rPr lang="en-US" sz="1000" err="1">
                <a:solidFill>
                  <a:schemeClr val="accent2"/>
                </a:solidFill>
              </a:rPr>
              <a:t>menupunkte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b="1" err="1">
                <a:solidFill>
                  <a:schemeClr val="accent2"/>
                </a:solidFill>
              </a:rPr>
              <a:t>Udfyldningsfarve</a:t>
            </a:r>
            <a:r>
              <a:rPr lang="en-US" sz="1000" b="1">
                <a:solidFill>
                  <a:schemeClr val="accent2"/>
                </a:solidFill>
              </a:rPr>
              <a:t> </a:t>
            </a:r>
            <a:r>
              <a:rPr lang="en-US" sz="1000" b="1" err="1">
                <a:solidFill>
                  <a:schemeClr val="accent2"/>
                </a:solidFill>
              </a:rPr>
              <a:t>til</a:t>
            </a:r>
            <a:r>
              <a:rPr lang="en-US" sz="1000" b="1">
                <a:solidFill>
                  <a:schemeClr val="accent2"/>
                </a:solidFill>
              </a:rPr>
              <a:t> </a:t>
            </a:r>
            <a:r>
              <a:rPr lang="en-US" sz="1000" b="1" err="1">
                <a:solidFill>
                  <a:schemeClr val="accent2"/>
                </a:solidFill>
              </a:rPr>
              <a:t>figur</a:t>
            </a:r>
            <a:r>
              <a:rPr lang="en-US" sz="1000">
                <a:solidFill>
                  <a:schemeClr val="accent2"/>
                </a:solidFill>
              </a:rPr>
              <a:t>:</a:t>
            </a: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endParaRPr lang="en-US" sz="1000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endParaRPr lang="en-US" sz="1000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endParaRPr lang="en-US" sz="1000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endParaRPr lang="en-US" sz="1000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>
                <a:solidFill>
                  <a:schemeClr val="accent2"/>
                </a:solidFill>
              </a:rPr>
              <a:t>I </a:t>
            </a:r>
            <a:r>
              <a:rPr lang="en-US" sz="1000" err="1">
                <a:solidFill>
                  <a:schemeClr val="accent2"/>
                </a:solidFill>
              </a:rPr>
              <a:t>præsentationen</a:t>
            </a:r>
            <a:r>
              <a:rPr lang="en-US" sz="1000">
                <a:solidFill>
                  <a:schemeClr val="accent2"/>
                </a:solidFill>
              </a:rPr>
              <a:t> finder du </a:t>
            </a:r>
            <a:r>
              <a:rPr lang="en-US" sz="1000" err="1">
                <a:solidFill>
                  <a:schemeClr val="accent2"/>
                </a:solidFill>
              </a:rPr>
              <a:t>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række</a:t>
            </a:r>
            <a:r>
              <a:rPr lang="en-US" sz="1000">
                <a:solidFill>
                  <a:schemeClr val="accent2"/>
                </a:solidFill>
              </a:rPr>
              <a:t> slides med </a:t>
            </a:r>
            <a:r>
              <a:rPr lang="en-US" sz="1000" b="1">
                <a:solidFill>
                  <a:schemeClr val="accent2"/>
                </a:solidFill>
              </a:rPr>
              <a:t>BV-</a:t>
            </a:r>
            <a:r>
              <a:rPr lang="en-US" sz="1000" b="1" err="1">
                <a:solidFill>
                  <a:schemeClr val="accent2"/>
                </a:solidFill>
              </a:rPr>
              <a:t>ikoner</a:t>
            </a:r>
            <a:r>
              <a:rPr lang="en-US" sz="1000">
                <a:solidFill>
                  <a:schemeClr val="accent2"/>
                </a:solidFill>
              </a:rPr>
              <a:t>. Disse </a:t>
            </a:r>
            <a:r>
              <a:rPr lang="en-US" sz="1000" err="1">
                <a:solidFill>
                  <a:schemeClr val="accent2"/>
                </a:solidFill>
              </a:rPr>
              <a:t>kan</a:t>
            </a:r>
            <a:r>
              <a:rPr lang="en-US" sz="1000">
                <a:solidFill>
                  <a:schemeClr val="accent2"/>
                </a:solidFill>
              </a:rPr>
              <a:t> du </a:t>
            </a:r>
            <a:r>
              <a:rPr lang="en-US" sz="1000" err="1">
                <a:solidFill>
                  <a:schemeClr val="accent2"/>
                </a:solidFill>
              </a:rPr>
              <a:t>også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ændr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farv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på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ved</a:t>
            </a:r>
            <a:r>
              <a:rPr lang="en-US" sz="1000">
                <a:solidFill>
                  <a:schemeClr val="accent2"/>
                </a:solidFill>
              </a:rPr>
              <a:t> at </a:t>
            </a:r>
            <a:r>
              <a:rPr lang="en-US" sz="1000" err="1">
                <a:solidFill>
                  <a:schemeClr val="accent2"/>
                </a:solidFill>
              </a:rPr>
              <a:t>følge</a:t>
            </a:r>
            <a:r>
              <a:rPr lang="en-US" sz="1000">
                <a:solidFill>
                  <a:schemeClr val="accent2"/>
                </a:solidFill>
              </a:rPr>
              <a:t> procedure </a:t>
            </a:r>
            <a:r>
              <a:rPr lang="en-US" sz="1000" err="1">
                <a:solidFill>
                  <a:schemeClr val="accent2"/>
                </a:solidFill>
              </a:rPr>
              <a:t>ovenfor</a:t>
            </a:r>
            <a:r>
              <a:rPr lang="en-US" sz="1000">
                <a:solidFill>
                  <a:schemeClr val="accent2"/>
                </a:solidFill>
              </a:rPr>
              <a:t>. Skal du </a:t>
            </a:r>
            <a:r>
              <a:rPr lang="en-US" sz="1000" err="1">
                <a:solidFill>
                  <a:schemeClr val="accent2"/>
                </a:solidFill>
              </a:rPr>
              <a:t>ændr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størrels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på</a:t>
            </a:r>
            <a:r>
              <a:rPr lang="en-US" sz="1000">
                <a:solidFill>
                  <a:schemeClr val="accent2"/>
                </a:solidFill>
              </a:rPr>
              <a:t> et  ikon, </a:t>
            </a:r>
            <a:r>
              <a:rPr lang="en-US" sz="1000" err="1">
                <a:solidFill>
                  <a:schemeClr val="accent2"/>
                </a:solidFill>
              </a:rPr>
              <a:t>så</a:t>
            </a:r>
            <a:r>
              <a:rPr lang="en-US" sz="1000">
                <a:solidFill>
                  <a:schemeClr val="accent2"/>
                </a:solidFill>
              </a:rPr>
              <a:t> husk at </a:t>
            </a:r>
            <a:r>
              <a:rPr lang="en-US" sz="1000" err="1">
                <a:solidFill>
                  <a:schemeClr val="accent2"/>
                </a:solidFill>
              </a:rPr>
              <a:t>hold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b="1">
                <a:solidFill>
                  <a:schemeClr val="accent2"/>
                </a:solidFill>
              </a:rPr>
              <a:t>SHIF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nede</a:t>
            </a:r>
            <a:r>
              <a:rPr lang="en-US" sz="1000">
                <a:solidFill>
                  <a:schemeClr val="accent2"/>
                </a:solidFill>
              </a:rPr>
              <a:t>, </a:t>
            </a:r>
            <a:r>
              <a:rPr lang="en-US" sz="1000" err="1">
                <a:solidFill>
                  <a:schemeClr val="accent2"/>
                </a:solidFill>
              </a:rPr>
              <a:t>mens</a:t>
            </a:r>
            <a:r>
              <a:rPr lang="en-US" sz="1000">
                <a:solidFill>
                  <a:schemeClr val="accent2"/>
                </a:solidFill>
              </a:rPr>
              <a:t> du </a:t>
            </a:r>
            <a:r>
              <a:rPr lang="en-US" sz="1000" err="1">
                <a:solidFill>
                  <a:schemeClr val="accent2"/>
                </a:solidFill>
              </a:rPr>
              <a:t>trækker</a:t>
            </a:r>
            <a:r>
              <a:rPr lang="en-US" sz="1000">
                <a:solidFill>
                  <a:schemeClr val="accent2"/>
                </a:solidFill>
              </a:rPr>
              <a:t> I </a:t>
            </a:r>
            <a:r>
              <a:rPr lang="en-US" sz="1000" err="1">
                <a:solidFill>
                  <a:schemeClr val="accent2"/>
                </a:solidFill>
              </a:rPr>
              <a:t>hjørne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af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ikonet</a:t>
            </a:r>
            <a:r>
              <a:rPr lang="en-US" sz="1000">
                <a:solidFill>
                  <a:schemeClr val="accent2"/>
                </a:solidFill>
              </a:rPr>
              <a:t> (se </a:t>
            </a:r>
            <a:r>
              <a:rPr lang="en-US" sz="1000" err="1">
                <a:solidFill>
                  <a:schemeClr val="accent2"/>
                </a:solidFill>
              </a:rPr>
              <a:t>afsnit</a:t>
            </a:r>
            <a:r>
              <a:rPr lang="en-US" sz="1000">
                <a:solidFill>
                  <a:schemeClr val="accent2"/>
                </a:solidFill>
              </a:rPr>
              <a:t> om </a:t>
            </a:r>
            <a:r>
              <a:rPr lang="en-US" sz="1000" err="1">
                <a:solidFill>
                  <a:schemeClr val="accent2"/>
                </a:solidFill>
              </a:rPr>
              <a:t>billeder</a:t>
            </a:r>
            <a:r>
              <a:rPr lang="en-US" sz="1000">
                <a:solidFill>
                  <a:schemeClr val="accent2"/>
                </a:solidFill>
              </a:rPr>
              <a:t>).</a:t>
            </a: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endParaRPr lang="en-US" sz="1000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endParaRPr lang="en-US" sz="1000">
              <a:solidFill>
                <a:schemeClr val="accent2"/>
              </a:solidFill>
            </a:endParaRPr>
          </a:p>
        </p:txBody>
      </p:sp>
      <p:pic>
        <p:nvPicPr>
          <p:cNvPr id="42" name="Picture 41" descr="Graphical user interface, text, application&#10;&#10;Description automatically generated">
            <a:extLst>
              <a:ext uri="{FF2B5EF4-FFF2-40B4-BE49-F238E27FC236}">
                <a16:creationId xmlns:a16="http://schemas.microsoft.com/office/drawing/2014/main" id="{1616CA16-EEE0-8E92-8951-08149E1B882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65502" y="2097707"/>
            <a:ext cx="2041954" cy="1148599"/>
          </a:xfrm>
          <a:prstGeom prst="rect">
            <a:avLst/>
          </a:prstGeom>
          <a:ln w="3175" cap="sq">
            <a:solidFill>
              <a:srgbClr val="000000"/>
            </a:solidFill>
            <a:prstDash val="solid"/>
            <a:miter lim="800000"/>
          </a:ln>
          <a:effectLst/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A4627257-BCEE-40B9-686A-A29D24BD34F9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235040" y="4972479"/>
            <a:ext cx="1637362" cy="938334"/>
          </a:xfrm>
          <a:prstGeom prst="rect">
            <a:avLst/>
          </a:prstGeom>
          <a:ln>
            <a:noFill/>
          </a:ln>
          <a:effectLst/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A456FBAC-70D2-F39A-51BD-B237CA83BFC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4680" t="-1" b="65228"/>
          <a:stretch/>
        </p:blipFill>
        <p:spPr>
          <a:xfrm>
            <a:off x="4343082" y="3911087"/>
            <a:ext cx="1639183" cy="795303"/>
          </a:xfrm>
          <a:prstGeom prst="rect">
            <a:avLst/>
          </a:prstGeom>
          <a:ln>
            <a:noFill/>
          </a:ln>
          <a:effectLst/>
        </p:spPr>
      </p:pic>
      <p:cxnSp>
        <p:nvCxnSpPr>
          <p:cNvPr id="7" name="Lige pilforbindelse 6">
            <a:extLst>
              <a:ext uri="{FF2B5EF4-FFF2-40B4-BE49-F238E27FC236}">
                <a16:creationId xmlns:a16="http://schemas.microsoft.com/office/drawing/2014/main" id="{BEB597C8-8F2C-E65E-FA2E-52409B10C642}"/>
              </a:ext>
            </a:extLst>
          </p:cNvPr>
          <p:cNvCxnSpPr>
            <a:cxnSpLocks/>
          </p:cNvCxnSpPr>
          <p:nvPr userDrawn="1"/>
        </p:nvCxnSpPr>
        <p:spPr>
          <a:xfrm flipH="1">
            <a:off x="5849346" y="4614950"/>
            <a:ext cx="903146" cy="0"/>
          </a:xfrm>
          <a:prstGeom prst="straightConnector1">
            <a:avLst/>
          </a:prstGeom>
          <a:ln>
            <a:solidFill>
              <a:schemeClr val="accent1"/>
            </a:solidFill>
            <a:tailEnd type="triangle"/>
          </a:ln>
        </p:spPr>
        <p:style>
          <a:lnRef idx="3">
            <a:schemeClr val="accent3"/>
          </a:lnRef>
          <a:fillRef idx="0">
            <a:schemeClr val="accent3"/>
          </a:fillRef>
          <a:effectRef idx="2">
            <a:schemeClr val="accent3"/>
          </a:effectRef>
          <a:fontRef idx="minor">
            <a:schemeClr val="tx1"/>
          </a:fontRef>
        </p:style>
      </p:cxnSp>
      <p:cxnSp>
        <p:nvCxnSpPr>
          <p:cNvPr id="43" name="Lige pilforbindelse 42">
            <a:extLst>
              <a:ext uri="{FF2B5EF4-FFF2-40B4-BE49-F238E27FC236}">
                <a16:creationId xmlns:a16="http://schemas.microsoft.com/office/drawing/2014/main" id="{B0F3BA2A-3A54-48A1-6906-D2BF587483C3}"/>
              </a:ext>
            </a:extLst>
          </p:cNvPr>
          <p:cNvCxnSpPr>
            <a:cxnSpLocks/>
          </p:cNvCxnSpPr>
          <p:nvPr userDrawn="1"/>
        </p:nvCxnSpPr>
        <p:spPr>
          <a:xfrm>
            <a:off x="465502" y="5152849"/>
            <a:ext cx="769537" cy="0"/>
          </a:xfrm>
          <a:prstGeom prst="straightConnector1">
            <a:avLst/>
          </a:prstGeom>
          <a:ln>
            <a:solidFill>
              <a:schemeClr val="accent1"/>
            </a:solidFill>
            <a:tailEnd type="triangle"/>
          </a:ln>
        </p:spPr>
        <p:style>
          <a:lnRef idx="3">
            <a:schemeClr val="accent3"/>
          </a:lnRef>
          <a:fillRef idx="0">
            <a:schemeClr val="accent3"/>
          </a:fillRef>
          <a:effectRef idx="2">
            <a:schemeClr val="accent3"/>
          </a:effectRef>
          <a:fontRef idx="minor">
            <a:schemeClr val="tx1"/>
          </a:fontRef>
        </p:style>
      </p:cxnSp>
      <p:sp>
        <p:nvSpPr>
          <p:cNvPr id="46" name="TextBox 19">
            <a:extLst>
              <a:ext uri="{FF2B5EF4-FFF2-40B4-BE49-F238E27FC236}">
                <a16:creationId xmlns:a16="http://schemas.microsoft.com/office/drawing/2014/main" id="{D3B687BF-7822-82D8-B849-56E86632D46E}"/>
              </a:ext>
            </a:extLst>
          </p:cNvPr>
          <p:cNvSpPr txBox="1"/>
          <p:nvPr userDrawn="1"/>
        </p:nvSpPr>
        <p:spPr>
          <a:xfrm>
            <a:off x="8222167" y="1806388"/>
            <a:ext cx="3526574" cy="11711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1000" b="1">
                <a:solidFill>
                  <a:schemeClr val="accent2"/>
                </a:solidFill>
              </a:rPr>
              <a:t>BRUG AF DE FARVEDE BOKSE I PRÆSENTATIONEN</a:t>
            </a:r>
            <a:endParaRPr lang="en-US" sz="1000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+mj-lt"/>
              <a:buNone/>
            </a:pPr>
            <a:r>
              <a:rPr lang="en-US" sz="1000">
                <a:solidFill>
                  <a:schemeClr val="accent2"/>
                </a:solidFill>
              </a:rPr>
              <a:t>De </a:t>
            </a:r>
            <a:r>
              <a:rPr lang="en-US" sz="1000" err="1">
                <a:solidFill>
                  <a:schemeClr val="accent2"/>
                </a:solidFill>
              </a:rPr>
              <a:t>farved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bokse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i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slideskabelonerne</a:t>
            </a:r>
            <a:r>
              <a:rPr lang="en-US" sz="1000">
                <a:solidFill>
                  <a:schemeClr val="accent2"/>
                </a:solidFill>
              </a:rPr>
              <a:t> er </a:t>
            </a:r>
            <a:r>
              <a:rPr lang="en-US" sz="1000" err="1">
                <a:solidFill>
                  <a:schemeClr val="accent2"/>
                </a:solidFill>
              </a:rPr>
              <a:t>til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b="1" err="1">
                <a:solidFill>
                  <a:schemeClr val="accent2"/>
                </a:solidFill>
              </a:rPr>
              <a:t>tekst</a:t>
            </a:r>
            <a:r>
              <a:rPr lang="en-US" sz="1000" b="1">
                <a:solidFill>
                  <a:schemeClr val="accent2"/>
                </a:solidFill>
              </a:rPr>
              <a:t>, </a:t>
            </a:r>
            <a:r>
              <a:rPr lang="en-US" sz="1000" b="1" err="1">
                <a:solidFill>
                  <a:schemeClr val="accent2"/>
                </a:solidFill>
              </a:rPr>
              <a:t>citater</a:t>
            </a:r>
            <a:r>
              <a:rPr lang="en-US" sz="1000" b="1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og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evt</a:t>
            </a:r>
            <a:r>
              <a:rPr lang="en-US" sz="1000">
                <a:solidFill>
                  <a:schemeClr val="accent2"/>
                </a:solidFill>
              </a:rPr>
              <a:t>. </a:t>
            </a:r>
            <a:r>
              <a:rPr lang="en-US" sz="1000" b="1">
                <a:solidFill>
                  <a:schemeClr val="accent2"/>
                </a:solidFill>
              </a:rPr>
              <a:t>figurer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ud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baggrund</a:t>
            </a:r>
            <a:r>
              <a:rPr lang="en-US" sz="1000">
                <a:solidFill>
                  <a:schemeClr val="accent2"/>
                </a:solidFill>
              </a:rPr>
              <a:t>. Skal du </a:t>
            </a:r>
            <a:r>
              <a:rPr lang="en-US" sz="1000" err="1">
                <a:solidFill>
                  <a:schemeClr val="accent2"/>
                </a:solidFill>
              </a:rPr>
              <a:t>indsætte</a:t>
            </a:r>
            <a:r>
              <a:rPr lang="en-US" sz="1000">
                <a:solidFill>
                  <a:schemeClr val="accent2"/>
                </a:solidFill>
              </a:rPr>
              <a:t> et billed, </a:t>
            </a:r>
            <a:r>
              <a:rPr lang="en-US" sz="1000" err="1">
                <a:solidFill>
                  <a:schemeClr val="accent2"/>
                </a:solidFill>
              </a:rPr>
              <a:t>så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vælg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slideskabelo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hvor</a:t>
            </a:r>
            <a:r>
              <a:rPr lang="en-US" sz="1000">
                <a:solidFill>
                  <a:schemeClr val="accent2"/>
                </a:solidFill>
              </a:rPr>
              <a:t> der er </a:t>
            </a:r>
            <a:r>
              <a:rPr lang="en-US" sz="1000" err="1">
                <a:solidFill>
                  <a:schemeClr val="accent2"/>
                </a:solidFill>
              </a:rPr>
              <a:t>indsat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en</a:t>
            </a:r>
            <a:r>
              <a:rPr lang="en-US" sz="1000">
                <a:solidFill>
                  <a:schemeClr val="accent2"/>
                </a:solidFill>
              </a:rPr>
              <a:t> </a:t>
            </a:r>
            <a:r>
              <a:rPr lang="en-US" sz="1000" err="1">
                <a:solidFill>
                  <a:schemeClr val="accent2"/>
                </a:solidFill>
              </a:rPr>
              <a:t>billedplaceholder</a:t>
            </a:r>
            <a:r>
              <a:rPr lang="en-US" sz="1000">
                <a:solidFill>
                  <a:schemeClr val="accent2"/>
                </a:solidFill>
              </a:rPr>
              <a:t>-knap</a:t>
            </a:r>
            <a:endParaRPr lang="en-US" sz="1000" b="1">
              <a:solidFill>
                <a:schemeClr val="accent2"/>
              </a:solidFill>
            </a:endParaRP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+mj-lt"/>
              <a:buAutoNum type="arabicPeriod"/>
            </a:pPr>
            <a:endParaRPr lang="en-US" sz="1000">
              <a:solidFill>
                <a:schemeClr val="accent2"/>
              </a:solidFill>
            </a:endParaRPr>
          </a:p>
        </p:txBody>
      </p:sp>
      <p:cxnSp>
        <p:nvCxnSpPr>
          <p:cNvPr id="67" name="Straight Connector 44">
            <a:extLst>
              <a:ext uri="{FF2B5EF4-FFF2-40B4-BE49-F238E27FC236}">
                <a16:creationId xmlns:a16="http://schemas.microsoft.com/office/drawing/2014/main" id="{0E974D63-EDCB-9455-9C7C-58E9B4A9928C}"/>
              </a:ext>
            </a:extLst>
          </p:cNvPr>
          <p:cNvCxnSpPr>
            <a:cxnSpLocks/>
          </p:cNvCxnSpPr>
          <p:nvPr userDrawn="1"/>
        </p:nvCxnSpPr>
        <p:spPr>
          <a:xfrm>
            <a:off x="8221415" y="2978290"/>
            <a:ext cx="3567380" cy="10014"/>
          </a:xfrm>
          <a:prstGeom prst="line">
            <a:avLst/>
          </a:prstGeom>
          <a:ln w="635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68" name="Picture 11">
            <a:extLst>
              <a:ext uri="{FF2B5EF4-FFF2-40B4-BE49-F238E27FC236}">
                <a16:creationId xmlns:a16="http://schemas.microsoft.com/office/drawing/2014/main" id="{4132F99B-F743-FCC7-3153-22E0AB073D04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1458672" y="2575937"/>
            <a:ext cx="290416" cy="283661"/>
          </a:xfrm>
          <a:prstGeom prst="rect">
            <a:avLst/>
          </a:prstGeom>
          <a:ln w="3175" cap="sq">
            <a:solidFill>
              <a:srgbClr val="000000"/>
            </a:solidFill>
            <a:prstDash val="solid"/>
            <a:miter lim="800000"/>
          </a:ln>
          <a:effectLst/>
        </p:spPr>
      </p:pic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371F0665-6392-1E18-AC6B-8FC48BD2817C}"/>
              </a:ext>
            </a:extLst>
          </p:cNvPr>
          <p:cNvCxnSpPr>
            <a:cxnSpLocks/>
          </p:cNvCxnSpPr>
          <p:nvPr userDrawn="1"/>
        </p:nvCxnSpPr>
        <p:spPr>
          <a:xfrm>
            <a:off x="4162425" y="1806387"/>
            <a:ext cx="0" cy="4500000"/>
          </a:xfrm>
          <a:prstGeom prst="line">
            <a:avLst/>
          </a:prstGeom>
          <a:ln w="635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72AA9164-6B5D-D087-4DA9-7030517BA0D7}"/>
              </a:ext>
            </a:extLst>
          </p:cNvPr>
          <p:cNvCxnSpPr>
            <a:cxnSpLocks/>
          </p:cNvCxnSpPr>
          <p:nvPr userDrawn="1"/>
        </p:nvCxnSpPr>
        <p:spPr>
          <a:xfrm>
            <a:off x="8048625" y="1806387"/>
            <a:ext cx="0" cy="4500000"/>
          </a:xfrm>
          <a:prstGeom prst="line">
            <a:avLst/>
          </a:prstGeom>
          <a:ln w="635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" name="Group 5">
            <a:extLst>
              <a:ext uri="{FF2B5EF4-FFF2-40B4-BE49-F238E27FC236}">
                <a16:creationId xmlns:a16="http://schemas.microsoft.com/office/drawing/2014/main" id="{3FF8E62C-2549-9209-6369-CDC2C95C8F3C}"/>
              </a:ext>
            </a:extLst>
          </p:cNvPr>
          <p:cNvGrpSpPr/>
          <p:nvPr userDrawn="1"/>
        </p:nvGrpSpPr>
        <p:grpSpPr>
          <a:xfrm>
            <a:off x="8220075" y="3168097"/>
            <a:ext cx="3535960" cy="3180748"/>
            <a:chOff x="8261673" y="3227745"/>
            <a:chExt cx="3494362" cy="3035712"/>
          </a:xfrm>
        </p:grpSpPr>
        <p:sp>
          <p:nvSpPr>
            <p:cNvPr id="72" name="Text Box 48">
              <a:extLst>
                <a:ext uri="{FF2B5EF4-FFF2-40B4-BE49-F238E27FC236}">
                  <a16:creationId xmlns:a16="http://schemas.microsoft.com/office/drawing/2014/main" id="{BC76A3B9-1F8B-3E7C-F800-1260B6D90B50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8261676" y="4134713"/>
              <a:ext cx="3494359" cy="1538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92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lnSpc>
                  <a:spcPct val="100000"/>
                </a:lnSpc>
                <a:spcAft>
                  <a:spcPts val="800"/>
                </a:spcAft>
                <a:defRPr/>
              </a:pPr>
              <a:r>
                <a:rPr lang="en-US" sz="1000" b="1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Sekundære farver i powerpoint</a:t>
              </a:r>
            </a:p>
          </p:txBody>
        </p:sp>
        <p:sp>
          <p:nvSpPr>
            <p:cNvPr id="73" name="Text Box 48">
              <a:extLst>
                <a:ext uri="{FF2B5EF4-FFF2-40B4-BE49-F238E27FC236}">
                  <a16:creationId xmlns:a16="http://schemas.microsoft.com/office/drawing/2014/main" id="{0A0FF1BB-5409-D529-8772-2BA12E4C77C9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0185914" y="5439772"/>
              <a:ext cx="1529376" cy="1538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92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lnSpc>
                  <a:spcPct val="100000"/>
                </a:lnSpc>
                <a:spcAft>
                  <a:spcPts val="800"/>
                </a:spcAft>
                <a:defRPr/>
              </a:pPr>
              <a:r>
                <a:rPr lang="en-US" sz="1000" b="0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RGB: 0/103/127 </a:t>
              </a:r>
            </a:p>
          </p:txBody>
        </p:sp>
        <p:sp>
          <p:nvSpPr>
            <p:cNvPr id="74" name="Text Box 48">
              <a:extLst>
                <a:ext uri="{FF2B5EF4-FFF2-40B4-BE49-F238E27FC236}">
                  <a16:creationId xmlns:a16="http://schemas.microsoft.com/office/drawing/2014/main" id="{0563DB23-352E-89CE-6801-3DBD7DEF0FC7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0185914" y="4774509"/>
              <a:ext cx="1493809" cy="1538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92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lnSpc>
                  <a:spcPct val="100000"/>
                </a:lnSpc>
                <a:spcAft>
                  <a:spcPts val="800"/>
                </a:spcAft>
                <a:defRPr/>
              </a:pPr>
              <a:r>
                <a:rPr lang="en-US" sz="1000" b="0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RGB: 0/47/109 </a:t>
              </a:r>
            </a:p>
          </p:txBody>
        </p:sp>
        <p:sp>
          <p:nvSpPr>
            <p:cNvPr id="75" name="Text Box 48">
              <a:extLst>
                <a:ext uri="{FF2B5EF4-FFF2-40B4-BE49-F238E27FC236}">
                  <a16:creationId xmlns:a16="http://schemas.microsoft.com/office/drawing/2014/main" id="{C80BB19D-9611-F863-5A25-F77EA4254995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8261676" y="4774509"/>
              <a:ext cx="1678024" cy="1538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92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lnSpc>
                  <a:spcPct val="100000"/>
                </a:lnSpc>
                <a:spcAft>
                  <a:spcPts val="800"/>
                </a:spcAft>
                <a:defRPr/>
              </a:pPr>
              <a:r>
                <a:rPr lang="en-US" sz="1000" b="0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RGB: 0/0/0 </a:t>
              </a:r>
            </a:p>
          </p:txBody>
        </p:sp>
        <p:sp>
          <p:nvSpPr>
            <p:cNvPr id="76" name="Rectangle 25">
              <a:extLst>
                <a:ext uri="{FF2B5EF4-FFF2-40B4-BE49-F238E27FC236}">
                  <a16:creationId xmlns:a16="http://schemas.microsoft.com/office/drawing/2014/main" id="{4B38A18B-006E-D6B2-CACA-56E06D56BBD2}"/>
                </a:ext>
              </a:extLst>
            </p:cNvPr>
            <p:cNvSpPr/>
            <p:nvPr/>
          </p:nvSpPr>
          <p:spPr>
            <a:xfrm>
              <a:off x="8261678" y="4327870"/>
              <a:ext cx="1564811" cy="396000"/>
            </a:xfrm>
            <a:prstGeom prst="rect">
              <a:avLst/>
            </a:prstGeom>
            <a:solidFill>
              <a:schemeClr val="tx1"/>
            </a:solidFill>
            <a:ln w="6350">
              <a:noFill/>
              <a:beve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44000" tIns="108000" rIns="144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GB" sz="1000" err="1">
                <a:solidFill>
                  <a:schemeClr val="tx1"/>
                </a:solidFill>
              </a:endParaRPr>
            </a:p>
          </p:txBody>
        </p:sp>
        <p:sp>
          <p:nvSpPr>
            <p:cNvPr id="77" name="Rectangle 26">
              <a:extLst>
                <a:ext uri="{FF2B5EF4-FFF2-40B4-BE49-F238E27FC236}">
                  <a16:creationId xmlns:a16="http://schemas.microsoft.com/office/drawing/2014/main" id="{365850DD-49A7-5F57-D6EB-1BFDF1731837}"/>
                </a:ext>
              </a:extLst>
            </p:cNvPr>
            <p:cNvSpPr/>
            <p:nvPr/>
          </p:nvSpPr>
          <p:spPr>
            <a:xfrm>
              <a:off x="10185916" y="4327870"/>
              <a:ext cx="1564811" cy="396000"/>
            </a:xfrm>
            <a:prstGeom prst="rect">
              <a:avLst/>
            </a:prstGeom>
            <a:solidFill>
              <a:schemeClr val="accent3"/>
            </a:solidFill>
            <a:ln w="3175">
              <a:noFill/>
              <a:beve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44000" tIns="108000" rIns="144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GB" sz="1000" err="1">
                <a:solidFill>
                  <a:schemeClr val="tx1"/>
                </a:solidFill>
              </a:endParaRPr>
            </a:p>
          </p:txBody>
        </p:sp>
        <p:sp>
          <p:nvSpPr>
            <p:cNvPr id="78" name="Rectangle 27">
              <a:extLst>
                <a:ext uri="{FF2B5EF4-FFF2-40B4-BE49-F238E27FC236}">
                  <a16:creationId xmlns:a16="http://schemas.microsoft.com/office/drawing/2014/main" id="{F4F1C0BE-3615-68C4-69C7-5B1E914ADD13}"/>
                </a:ext>
              </a:extLst>
            </p:cNvPr>
            <p:cNvSpPr/>
            <p:nvPr/>
          </p:nvSpPr>
          <p:spPr>
            <a:xfrm>
              <a:off x="8261675" y="5665944"/>
              <a:ext cx="1564811" cy="396000"/>
            </a:xfrm>
            <a:prstGeom prst="rect">
              <a:avLst/>
            </a:prstGeom>
            <a:solidFill>
              <a:schemeClr val="accent4"/>
            </a:solidFill>
            <a:ln w="3175">
              <a:noFill/>
              <a:beve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44000" tIns="108000" rIns="144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GB" sz="1000" err="1">
                <a:solidFill>
                  <a:schemeClr val="tx1"/>
                </a:solidFill>
              </a:endParaRPr>
            </a:p>
          </p:txBody>
        </p:sp>
        <p:sp>
          <p:nvSpPr>
            <p:cNvPr id="79" name="Text Box 48">
              <a:extLst>
                <a:ext uri="{FF2B5EF4-FFF2-40B4-BE49-F238E27FC236}">
                  <a16:creationId xmlns:a16="http://schemas.microsoft.com/office/drawing/2014/main" id="{E34FA4EA-A7F1-3071-384B-E1C90435FCA8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8261673" y="6109569"/>
              <a:ext cx="1562241" cy="1538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92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lnSpc>
                  <a:spcPct val="100000"/>
                </a:lnSpc>
                <a:spcAft>
                  <a:spcPts val="800"/>
                </a:spcAft>
                <a:defRPr/>
              </a:pPr>
              <a:r>
                <a:rPr lang="en-US" sz="1000" b="0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RGB: 0/175/171 </a:t>
              </a:r>
            </a:p>
          </p:txBody>
        </p:sp>
        <p:sp>
          <p:nvSpPr>
            <p:cNvPr id="80" name="Rectangle 29">
              <a:extLst>
                <a:ext uri="{FF2B5EF4-FFF2-40B4-BE49-F238E27FC236}">
                  <a16:creationId xmlns:a16="http://schemas.microsoft.com/office/drawing/2014/main" id="{24FAE4A6-85D0-34E4-68D9-67DA3EA3F61A}"/>
                </a:ext>
              </a:extLst>
            </p:cNvPr>
            <p:cNvSpPr/>
            <p:nvPr/>
          </p:nvSpPr>
          <p:spPr>
            <a:xfrm>
              <a:off x="8261678" y="4996907"/>
              <a:ext cx="1564811" cy="396000"/>
            </a:xfrm>
            <a:prstGeom prst="rect">
              <a:avLst/>
            </a:prstGeom>
            <a:solidFill>
              <a:schemeClr val="accent6"/>
            </a:solidFill>
            <a:ln w="3175">
              <a:noFill/>
              <a:beve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44000" tIns="108000" rIns="144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GB" sz="1000" err="1">
                <a:solidFill>
                  <a:schemeClr val="tx1"/>
                </a:solidFill>
              </a:endParaRPr>
            </a:p>
          </p:txBody>
        </p:sp>
        <p:sp>
          <p:nvSpPr>
            <p:cNvPr id="81" name="Rectangle 30">
              <a:extLst>
                <a:ext uri="{FF2B5EF4-FFF2-40B4-BE49-F238E27FC236}">
                  <a16:creationId xmlns:a16="http://schemas.microsoft.com/office/drawing/2014/main" id="{D9FD0ECC-3341-96D3-E1BB-B78CAA4B36C7}"/>
                </a:ext>
              </a:extLst>
            </p:cNvPr>
            <p:cNvSpPr/>
            <p:nvPr/>
          </p:nvSpPr>
          <p:spPr>
            <a:xfrm>
              <a:off x="10185916" y="4996907"/>
              <a:ext cx="1564811" cy="396000"/>
            </a:xfrm>
            <a:prstGeom prst="rect">
              <a:avLst/>
            </a:prstGeom>
            <a:solidFill>
              <a:schemeClr val="bg2"/>
            </a:solidFill>
            <a:ln w="3175">
              <a:noFill/>
              <a:beve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44000" tIns="108000" rIns="144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GB" sz="1000" err="1">
                <a:solidFill>
                  <a:schemeClr val="tx1"/>
                </a:solidFill>
              </a:endParaRPr>
            </a:p>
          </p:txBody>
        </p:sp>
        <p:sp>
          <p:nvSpPr>
            <p:cNvPr id="82" name="Rectangle 31">
              <a:extLst>
                <a:ext uri="{FF2B5EF4-FFF2-40B4-BE49-F238E27FC236}">
                  <a16:creationId xmlns:a16="http://schemas.microsoft.com/office/drawing/2014/main" id="{FA77FACF-0D8D-1676-FF8B-7D88326687FD}"/>
                </a:ext>
              </a:extLst>
            </p:cNvPr>
            <p:cNvSpPr/>
            <p:nvPr/>
          </p:nvSpPr>
          <p:spPr>
            <a:xfrm>
              <a:off x="10185914" y="5665944"/>
              <a:ext cx="1564811" cy="396000"/>
            </a:xfrm>
            <a:prstGeom prst="rect">
              <a:avLst/>
            </a:prstGeom>
            <a:solidFill>
              <a:schemeClr val="tx2"/>
            </a:solidFill>
            <a:ln w="3175">
              <a:noFill/>
              <a:beve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44000" tIns="108000" rIns="144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GB" sz="1000" err="1">
                <a:solidFill>
                  <a:schemeClr val="tx1"/>
                </a:solidFill>
              </a:endParaRPr>
            </a:p>
          </p:txBody>
        </p:sp>
        <p:sp>
          <p:nvSpPr>
            <p:cNvPr id="83" name="Text Box 48">
              <a:extLst>
                <a:ext uri="{FF2B5EF4-FFF2-40B4-BE49-F238E27FC236}">
                  <a16:creationId xmlns:a16="http://schemas.microsoft.com/office/drawing/2014/main" id="{373D597C-D889-DBF4-2AED-2C654F22ED0F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8261676" y="5439772"/>
              <a:ext cx="1678024" cy="1538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92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lnSpc>
                  <a:spcPct val="100000"/>
                </a:lnSpc>
                <a:spcAft>
                  <a:spcPts val="800"/>
                </a:spcAft>
                <a:defRPr/>
              </a:pPr>
              <a:r>
                <a:rPr lang="en-US" sz="1000" b="0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RGB: 190/205/214 </a:t>
              </a:r>
            </a:p>
          </p:txBody>
        </p:sp>
        <p:sp>
          <p:nvSpPr>
            <p:cNvPr id="84" name="Text Box 48">
              <a:extLst>
                <a:ext uri="{FF2B5EF4-FFF2-40B4-BE49-F238E27FC236}">
                  <a16:creationId xmlns:a16="http://schemas.microsoft.com/office/drawing/2014/main" id="{31F56AD6-DFC1-838B-B71A-5B20CEAF669D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0185914" y="6109569"/>
              <a:ext cx="1562237" cy="1538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92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lnSpc>
                  <a:spcPct val="100000"/>
                </a:lnSpc>
                <a:spcAft>
                  <a:spcPts val="800"/>
                </a:spcAft>
                <a:defRPr/>
              </a:pPr>
              <a:r>
                <a:rPr lang="en-US" sz="1000" b="0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RGB: 171/139/121 </a:t>
              </a:r>
            </a:p>
          </p:txBody>
        </p:sp>
        <p:sp>
          <p:nvSpPr>
            <p:cNvPr id="85" name="Text Box 48">
              <a:extLst>
                <a:ext uri="{FF2B5EF4-FFF2-40B4-BE49-F238E27FC236}">
                  <a16:creationId xmlns:a16="http://schemas.microsoft.com/office/drawing/2014/main" id="{D98C6617-5467-0D8F-B603-E69CBCE9489F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8261676" y="3227745"/>
              <a:ext cx="2074386" cy="1538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92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lnSpc>
                  <a:spcPct val="100000"/>
                </a:lnSpc>
                <a:spcAft>
                  <a:spcPts val="800"/>
                </a:spcAft>
                <a:defRPr/>
              </a:pPr>
              <a:r>
                <a:rPr lang="en-US" sz="1000" b="1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Primær farve</a:t>
              </a:r>
            </a:p>
          </p:txBody>
        </p:sp>
        <p:sp>
          <p:nvSpPr>
            <p:cNvPr id="86" name="Rectangle 35">
              <a:extLst>
                <a:ext uri="{FF2B5EF4-FFF2-40B4-BE49-F238E27FC236}">
                  <a16:creationId xmlns:a16="http://schemas.microsoft.com/office/drawing/2014/main" id="{21393E93-8AE2-35C7-7A8F-361A47A83393}"/>
                </a:ext>
              </a:extLst>
            </p:cNvPr>
            <p:cNvSpPr/>
            <p:nvPr/>
          </p:nvSpPr>
          <p:spPr>
            <a:xfrm>
              <a:off x="8261676" y="3431978"/>
              <a:ext cx="1562238" cy="396000"/>
            </a:xfrm>
            <a:prstGeom prst="rect">
              <a:avLst/>
            </a:prstGeom>
            <a:solidFill>
              <a:schemeClr val="accent1"/>
            </a:solidFill>
            <a:ln w="6350">
              <a:noFill/>
              <a:beve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44000" tIns="108000" rIns="144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GB" sz="1000" err="1">
                <a:solidFill>
                  <a:schemeClr val="tx1"/>
                </a:solidFill>
              </a:endParaRPr>
            </a:p>
          </p:txBody>
        </p:sp>
        <p:sp>
          <p:nvSpPr>
            <p:cNvPr id="87" name="Rectangle 36">
              <a:extLst>
                <a:ext uri="{FF2B5EF4-FFF2-40B4-BE49-F238E27FC236}">
                  <a16:creationId xmlns:a16="http://schemas.microsoft.com/office/drawing/2014/main" id="{03B1D4CD-F26D-69EE-2DF4-BE6F51C0F0CE}"/>
                </a:ext>
              </a:extLst>
            </p:cNvPr>
            <p:cNvSpPr/>
            <p:nvPr/>
          </p:nvSpPr>
          <p:spPr>
            <a:xfrm>
              <a:off x="10185916" y="3431978"/>
              <a:ext cx="1562236" cy="396000"/>
            </a:xfrm>
            <a:prstGeom prst="rect">
              <a:avLst/>
            </a:prstGeom>
            <a:solidFill>
              <a:schemeClr val="accent5"/>
            </a:solidFill>
            <a:ln w="3175">
              <a:noFill/>
              <a:beve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44000" tIns="108000" rIns="144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GB" sz="1000" err="1">
                <a:solidFill>
                  <a:schemeClr val="tx1"/>
                </a:solidFill>
              </a:endParaRPr>
            </a:p>
          </p:txBody>
        </p:sp>
        <p:sp>
          <p:nvSpPr>
            <p:cNvPr id="88" name="Text Box 48">
              <a:extLst>
                <a:ext uri="{FF2B5EF4-FFF2-40B4-BE49-F238E27FC236}">
                  <a16:creationId xmlns:a16="http://schemas.microsoft.com/office/drawing/2014/main" id="{7957AEF8-F752-0C9F-CBEA-472867057024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8261675" y="3874147"/>
              <a:ext cx="1821566" cy="1538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92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lnSpc>
                  <a:spcPct val="100000"/>
                </a:lnSpc>
                <a:spcAft>
                  <a:spcPts val="800"/>
                </a:spcAft>
                <a:defRPr/>
              </a:pPr>
              <a:r>
                <a:rPr lang="en-US" sz="1000" b="0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RGB: 240/80/65 </a:t>
              </a:r>
            </a:p>
          </p:txBody>
        </p:sp>
        <p:sp>
          <p:nvSpPr>
            <p:cNvPr id="89" name="Text Box 48">
              <a:extLst>
                <a:ext uri="{FF2B5EF4-FFF2-40B4-BE49-F238E27FC236}">
                  <a16:creationId xmlns:a16="http://schemas.microsoft.com/office/drawing/2014/main" id="{F99C9101-56A1-D9D0-D0E3-B64E444269B9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0185914" y="3874147"/>
              <a:ext cx="1562235" cy="1538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92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lnSpc>
                  <a:spcPct val="100000"/>
                </a:lnSpc>
                <a:spcAft>
                  <a:spcPts val="800"/>
                </a:spcAft>
                <a:defRPr/>
              </a:pPr>
              <a:r>
                <a:rPr lang="en-US" sz="1000" b="0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RGB: </a:t>
              </a:r>
              <a:r>
                <a:rPr lang="en-GB" sz="1000" b="0" i="0" u="none" strike="noStrike" baseline="0">
                  <a:latin typeface="+mn-lt"/>
                </a:rPr>
                <a:t>255/242/0</a:t>
              </a:r>
              <a:r>
                <a:rPr lang="en-US" sz="1000" b="0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 </a:t>
              </a:r>
            </a:p>
          </p:txBody>
        </p:sp>
        <p:sp>
          <p:nvSpPr>
            <p:cNvPr id="90" name="Text Box 48">
              <a:extLst>
                <a:ext uri="{FF2B5EF4-FFF2-40B4-BE49-F238E27FC236}">
                  <a16:creationId xmlns:a16="http://schemas.microsoft.com/office/drawing/2014/main" id="{6D6CB031-FB66-71F0-F8CA-30E97A913E6C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10185914" y="3227745"/>
              <a:ext cx="1351541" cy="15388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92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lnSpc>
                  <a:spcPct val="100000"/>
                </a:lnSpc>
                <a:spcAft>
                  <a:spcPts val="800"/>
                </a:spcAft>
                <a:defRPr/>
              </a:pPr>
              <a:r>
                <a:rPr lang="en-US" sz="1000" noProof="1">
                  <a:solidFill>
                    <a:schemeClr val="tx1"/>
                  </a:solidFill>
                  <a:latin typeface="+mn-lt"/>
                  <a:cs typeface="Arial" panose="020B0604020202020204" pitchFamily="34" charset="0"/>
                </a:rPr>
                <a:t>Signalfarve farve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242237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ps og tricks #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9" name="Group 8">
            <a:extLst>
              <a:ext uri="{FF2B5EF4-FFF2-40B4-BE49-F238E27FC236}">
                <a16:creationId xmlns:a16="http://schemas.microsoft.com/office/drawing/2014/main" id="{24B4FE8E-AE74-2EB9-FD1B-9CBEB567951E}"/>
              </a:ext>
            </a:extLst>
          </p:cNvPr>
          <p:cNvGrpSpPr/>
          <p:nvPr userDrawn="1"/>
        </p:nvGrpSpPr>
        <p:grpSpPr>
          <a:xfrm>
            <a:off x="8089664" y="2107962"/>
            <a:ext cx="3182045" cy="1768712"/>
            <a:chOff x="8118240" y="2377167"/>
            <a:chExt cx="2439756" cy="1356117"/>
          </a:xfrm>
        </p:grpSpPr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0CF525C7-C522-CEFB-64B9-FE6281B6500B}"/>
                </a:ext>
              </a:extLst>
            </p:cNvPr>
            <p:cNvGrpSpPr/>
            <p:nvPr userDrawn="1"/>
          </p:nvGrpSpPr>
          <p:grpSpPr>
            <a:xfrm>
              <a:off x="8152552" y="2458773"/>
              <a:ext cx="1890584" cy="1274511"/>
              <a:chOff x="8159578" y="2201674"/>
              <a:chExt cx="2654595" cy="1789558"/>
            </a:xfrm>
          </p:grpSpPr>
          <p:pic>
            <p:nvPicPr>
              <p:cNvPr id="10" name="Billede 9">
                <a:extLst>
                  <a:ext uri="{FF2B5EF4-FFF2-40B4-BE49-F238E27FC236}">
                    <a16:creationId xmlns:a16="http://schemas.microsoft.com/office/drawing/2014/main" id="{2DD190B6-45CF-A008-4795-12240E72947C}"/>
                  </a:ext>
                </a:extLst>
              </p:cNvPr>
              <p:cNvPicPr>
                <a:picLocks noChangeAspect="1"/>
              </p:cNvPicPr>
              <p:nvPr userDrawn="1"/>
            </p:nvPicPr>
            <p:blipFill>
              <a:blip r:embed="rId2"/>
              <a:stretch>
                <a:fillRect/>
              </a:stretch>
            </p:blipFill>
            <p:spPr>
              <a:xfrm>
                <a:off x="8228790" y="2391961"/>
                <a:ext cx="2157714" cy="1490871"/>
              </a:xfrm>
              <a:prstGeom prst="rect">
                <a:avLst/>
              </a:prstGeom>
              <a:ln w="3175">
                <a:solidFill>
                  <a:schemeClr val="tx1"/>
                </a:solidFill>
              </a:ln>
            </p:spPr>
          </p:pic>
          <p:cxnSp>
            <p:nvCxnSpPr>
              <p:cNvPr id="44" name="Lige pilforbindelse 43">
                <a:extLst>
                  <a:ext uri="{FF2B5EF4-FFF2-40B4-BE49-F238E27FC236}">
                    <a16:creationId xmlns:a16="http://schemas.microsoft.com/office/drawing/2014/main" id="{16C24D7F-FB22-CD18-3913-B589B3AD814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8685372" y="3634711"/>
                <a:ext cx="938798" cy="0"/>
              </a:xfrm>
              <a:prstGeom prst="straightConnector1">
                <a:avLst/>
              </a:prstGeom>
              <a:ln>
                <a:solidFill>
                  <a:schemeClr val="accent1"/>
                </a:solidFill>
                <a:tailEnd type="triangle"/>
              </a:ln>
            </p:spPr>
            <p:style>
              <a:lnRef idx="3">
                <a:schemeClr val="accent3"/>
              </a:lnRef>
              <a:fillRef idx="0">
                <a:schemeClr val="accent3"/>
              </a:fillRef>
              <a:effectRef idx="2">
                <a:schemeClr val="accent3"/>
              </a:effectRef>
              <a:fontRef idx="minor">
                <a:schemeClr val="tx1"/>
              </a:fontRef>
            </p:style>
          </p:cxnSp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1726C042-3C28-9370-0C8F-41F543544A2B}"/>
                  </a:ext>
                </a:extLst>
              </p:cNvPr>
              <p:cNvSpPr/>
              <p:nvPr userDrawn="1"/>
            </p:nvSpPr>
            <p:spPr>
              <a:xfrm>
                <a:off x="8220074" y="3380581"/>
                <a:ext cx="1381485" cy="508259"/>
              </a:xfrm>
              <a:prstGeom prst="rect">
                <a:avLst/>
              </a:prstGeom>
              <a:solidFill>
                <a:schemeClr val="bg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90000" bIns="90000" rtlCol="0" anchor="t" anchorCtr="0"/>
              <a:lstStyle/>
              <a:p>
                <a:pPr algn="l"/>
                <a:endParaRPr lang="en-GB" sz="1600" b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92F2CEE6-E875-E89D-9E7B-EA7F1F3FBAE0}"/>
                  </a:ext>
                </a:extLst>
              </p:cNvPr>
              <p:cNvSpPr/>
              <p:nvPr userDrawn="1"/>
            </p:nvSpPr>
            <p:spPr>
              <a:xfrm>
                <a:off x="9173150" y="3772179"/>
                <a:ext cx="1464592" cy="219053"/>
              </a:xfrm>
              <a:prstGeom prst="rect">
                <a:avLst/>
              </a:prstGeom>
              <a:solidFill>
                <a:schemeClr val="bg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90000" bIns="90000" rtlCol="0" anchor="t" anchorCtr="0"/>
              <a:lstStyle/>
              <a:p>
                <a:pPr algn="l"/>
                <a:endParaRPr lang="en-GB" sz="1600" b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12C4E53F-286D-7544-9423-241FD6D6C390}"/>
                  </a:ext>
                </a:extLst>
              </p:cNvPr>
              <p:cNvSpPr/>
              <p:nvPr userDrawn="1"/>
            </p:nvSpPr>
            <p:spPr>
              <a:xfrm>
                <a:off x="8159578" y="3393989"/>
                <a:ext cx="1416263" cy="508259"/>
              </a:xfrm>
              <a:prstGeom prst="rect">
                <a:avLst/>
              </a:prstGeom>
              <a:solidFill>
                <a:schemeClr val="bg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90000" bIns="90000" rtlCol="0" anchor="t" anchorCtr="0"/>
              <a:lstStyle/>
              <a:p>
                <a:pPr algn="l"/>
                <a:endParaRPr lang="en-GB" sz="1600" b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542DB86A-AE06-4874-2E9D-D3BF947BFADD}"/>
                  </a:ext>
                </a:extLst>
              </p:cNvPr>
              <p:cNvSpPr/>
              <p:nvPr userDrawn="1"/>
            </p:nvSpPr>
            <p:spPr>
              <a:xfrm rot="5400000">
                <a:off x="9827748" y="2891961"/>
                <a:ext cx="1464592" cy="508259"/>
              </a:xfrm>
              <a:prstGeom prst="rect">
                <a:avLst/>
              </a:prstGeom>
              <a:solidFill>
                <a:schemeClr val="bg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90000" bIns="90000" rtlCol="0" anchor="t" anchorCtr="0"/>
              <a:lstStyle/>
              <a:p>
                <a:pPr algn="l"/>
                <a:endParaRPr lang="en-GB" sz="1600" b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FB42A353-2462-D526-2195-582868C296F1}"/>
                  </a:ext>
                </a:extLst>
              </p:cNvPr>
              <p:cNvSpPr/>
              <p:nvPr userDrawn="1"/>
            </p:nvSpPr>
            <p:spPr>
              <a:xfrm rot="5400000">
                <a:off x="9562298" y="2679840"/>
                <a:ext cx="1221795" cy="508259"/>
              </a:xfrm>
              <a:prstGeom prst="rect">
                <a:avLst/>
              </a:prstGeom>
              <a:solidFill>
                <a:schemeClr val="bg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90000" bIns="90000" rtlCol="0" anchor="t" anchorCtr="0"/>
              <a:lstStyle/>
              <a:p>
                <a:pPr algn="l"/>
                <a:endParaRPr lang="en-GB" sz="1600" b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C95638B0-74D0-1B89-3B45-E929158555F2}"/>
                  </a:ext>
                </a:extLst>
              </p:cNvPr>
              <p:cNvSpPr/>
              <p:nvPr userDrawn="1"/>
            </p:nvSpPr>
            <p:spPr>
              <a:xfrm rot="5400000">
                <a:off x="7487883" y="2873369"/>
                <a:ext cx="1464592" cy="121201"/>
              </a:xfrm>
              <a:prstGeom prst="rect">
                <a:avLst/>
              </a:prstGeom>
              <a:solidFill>
                <a:schemeClr val="bg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90000" bIns="90000" rtlCol="0" anchor="t" anchorCtr="0"/>
              <a:lstStyle/>
              <a:p>
                <a:pPr algn="l"/>
                <a:endParaRPr lang="en-GB" sz="1600" b="0" err="1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A2B7529E-436C-828F-92C9-CA8706929A20}"/>
                </a:ext>
              </a:extLst>
            </p:cNvPr>
            <p:cNvSpPr/>
            <p:nvPr userDrawn="1"/>
          </p:nvSpPr>
          <p:spPr>
            <a:xfrm>
              <a:off x="8118240" y="2377167"/>
              <a:ext cx="2439756" cy="247426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tIns="90000" bIns="90000" rtlCol="0" anchor="t" anchorCtr="0"/>
            <a:lstStyle/>
            <a:p>
              <a:pPr algn="l"/>
              <a:endParaRPr lang="en-GB" sz="1600" b="0" err="1">
                <a:solidFill>
                  <a:schemeClr val="bg1"/>
                </a:solidFill>
              </a:endParaRPr>
            </a:p>
          </p:txBody>
        </p:sp>
      </p:grpSp>
      <p:sp>
        <p:nvSpPr>
          <p:cNvPr id="46" name="TextBox 19">
            <a:extLst>
              <a:ext uri="{FF2B5EF4-FFF2-40B4-BE49-F238E27FC236}">
                <a16:creationId xmlns:a16="http://schemas.microsoft.com/office/drawing/2014/main" id="{D3B687BF-7822-82D8-B849-56E86632D46E}"/>
              </a:ext>
            </a:extLst>
          </p:cNvPr>
          <p:cNvSpPr txBox="1"/>
          <p:nvPr userDrawn="1"/>
        </p:nvSpPr>
        <p:spPr>
          <a:xfrm>
            <a:off x="8222167" y="1806389"/>
            <a:ext cx="3526574" cy="50740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228600" marR="0" lvl="0" indent="-228600" algn="l" defTabSz="914400" rtl="0" eaLnBrk="1" fontAlgn="auto" latinLnBrk="0" hangingPunct="1">
              <a:lnSpc>
                <a:spcPct val="110000"/>
              </a:lnSpc>
              <a:spcBef>
                <a:spcPts val="1200"/>
              </a:spcBef>
              <a:spcAft>
                <a:spcPts val="0"/>
              </a:spcAft>
              <a:buClrTx/>
              <a:buSzPct val="80000"/>
              <a:buFont typeface="+mj-lt"/>
              <a:buAutoNum type="arabicPeriod" startAt="5"/>
              <a:tabLst/>
              <a:defRPr/>
            </a:pP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Alternativt kan du sætte sliden ind med </a:t>
            </a:r>
            <a:r>
              <a:rPr lang="da-DK" sz="1000" b="1" kern="1200" noProof="0" err="1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Crtl+V</a:t>
            </a:r>
            <a:r>
              <a:rPr lang="da-DK" sz="1000" b="1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 </a:t>
            </a: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og derefter finde knappen </a:t>
            </a:r>
            <a:r>
              <a:rPr lang="da-DK" sz="1000" b="1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Brug destinationstema</a:t>
            </a: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 I nederste venstre hjørne under den slide, du har sat ind:</a:t>
            </a:r>
          </a:p>
          <a:p>
            <a:pPr marL="228600" marR="0" lvl="0" indent="-228600" algn="l" defTabSz="914400" rtl="0" eaLnBrk="1" fontAlgn="auto" latinLnBrk="0" hangingPunct="1">
              <a:lnSpc>
                <a:spcPct val="110000"/>
              </a:lnSpc>
              <a:spcBef>
                <a:spcPts val="1200"/>
              </a:spcBef>
              <a:spcAft>
                <a:spcPts val="0"/>
              </a:spcAft>
              <a:buClrTx/>
              <a:buSzPct val="80000"/>
              <a:buFont typeface="+mj-lt"/>
              <a:buAutoNum type="arabicPeriod" startAt="5"/>
              <a:tabLst/>
              <a:defRPr/>
            </a:pPr>
            <a:endParaRPr lang="da-DK" sz="1000" b="0" kern="1200" noProof="0">
              <a:solidFill>
                <a:schemeClr val="accent2"/>
              </a:solidFill>
              <a:latin typeface="+mn-lt"/>
              <a:ea typeface="+mn-ea"/>
              <a:cs typeface="+mn-cs"/>
            </a:endParaRPr>
          </a:p>
          <a:p>
            <a:pPr marL="228600" marR="0" lvl="0" indent="-228600" algn="l" defTabSz="914400" rtl="0" eaLnBrk="1" fontAlgn="auto" latinLnBrk="0" hangingPunct="1">
              <a:lnSpc>
                <a:spcPct val="110000"/>
              </a:lnSpc>
              <a:spcBef>
                <a:spcPts val="1200"/>
              </a:spcBef>
              <a:spcAft>
                <a:spcPts val="0"/>
              </a:spcAft>
              <a:buClrTx/>
              <a:buSzPct val="80000"/>
              <a:buFont typeface="+mj-lt"/>
              <a:buAutoNum type="arabicPeriod" startAt="5"/>
              <a:tabLst/>
              <a:defRPr/>
            </a:pPr>
            <a:endParaRPr lang="da-DK" sz="1000" b="0" kern="1200" noProof="0">
              <a:solidFill>
                <a:schemeClr val="accent2"/>
              </a:solidFill>
              <a:latin typeface="+mn-lt"/>
              <a:ea typeface="+mn-ea"/>
              <a:cs typeface="+mn-cs"/>
            </a:endParaRPr>
          </a:p>
          <a:p>
            <a:pPr marL="228600" marR="0" lvl="0" indent="-228600" algn="l" defTabSz="914400" rtl="0" eaLnBrk="1" fontAlgn="auto" latinLnBrk="0" hangingPunct="1">
              <a:lnSpc>
                <a:spcPct val="110000"/>
              </a:lnSpc>
              <a:spcBef>
                <a:spcPts val="1200"/>
              </a:spcBef>
              <a:spcAft>
                <a:spcPts val="0"/>
              </a:spcAft>
              <a:buClrTx/>
              <a:buSzPct val="80000"/>
              <a:buFont typeface="+mj-lt"/>
              <a:buAutoNum type="arabicPeriod" startAt="5"/>
              <a:tabLst/>
              <a:defRPr/>
            </a:pPr>
            <a:endParaRPr lang="da-DK" sz="1000" b="0" kern="1200" noProof="0">
              <a:solidFill>
                <a:schemeClr val="accent2"/>
              </a:solidFill>
              <a:latin typeface="+mn-lt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1200"/>
              </a:spcBef>
              <a:spcAft>
                <a:spcPts val="0"/>
              </a:spcAft>
              <a:buClrTx/>
              <a:buSzPct val="80000"/>
              <a:buFont typeface="+mj-lt"/>
              <a:buNone/>
              <a:tabLst/>
              <a:defRPr/>
            </a:pPr>
            <a:endParaRPr lang="da-DK" sz="1000" b="0" kern="1200" noProof="0">
              <a:solidFill>
                <a:schemeClr val="accent2"/>
              </a:solidFill>
              <a:latin typeface="+mn-lt"/>
              <a:ea typeface="+mn-ea"/>
              <a:cs typeface="+mn-cs"/>
            </a:endParaRPr>
          </a:p>
          <a:p>
            <a:pPr marL="228600" marR="0" lvl="0" indent="-228600" algn="l" defTabSz="914400" rtl="0" eaLnBrk="1" fontAlgn="auto" latinLnBrk="0" hangingPunct="1">
              <a:lnSpc>
                <a:spcPct val="110000"/>
              </a:lnSpc>
              <a:spcBef>
                <a:spcPts val="1200"/>
              </a:spcBef>
              <a:spcAft>
                <a:spcPts val="0"/>
              </a:spcAft>
              <a:buClrTx/>
              <a:buSzPct val="80000"/>
              <a:buFont typeface="+mj-lt"/>
              <a:buAutoNum type="arabicPeriod" startAt="5"/>
              <a:tabLst/>
              <a:defRPr/>
            </a:pP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Herefter ligger der lidt manuelt arbejde I at tilpasse sliden det nye design. </a:t>
            </a:r>
          </a:p>
          <a:p>
            <a:pPr marL="228600" marR="0" lvl="0" indent="-228600" algn="l" defTabSz="914400" rtl="0" eaLnBrk="1" fontAlgn="auto" latinLnBrk="0" hangingPunct="1">
              <a:lnSpc>
                <a:spcPct val="110000"/>
              </a:lnSpc>
              <a:spcBef>
                <a:spcPts val="1200"/>
              </a:spcBef>
              <a:spcAft>
                <a:spcPts val="0"/>
              </a:spcAft>
              <a:buClrTx/>
              <a:buSzPct val="80000"/>
              <a:buFont typeface="+mj-lt"/>
              <a:buAutoNum type="arabicPeriod" startAt="5"/>
              <a:tabLst/>
              <a:defRPr/>
            </a:pP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Højreklik på sliden og vælg et </a:t>
            </a:r>
            <a:r>
              <a:rPr lang="da-DK" sz="1000" b="1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slidelayout</a:t>
            </a: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 fra den nye </a:t>
            </a:r>
            <a:r>
              <a:rPr lang="da-DK" sz="1000" b="0" kern="1200" noProof="0" err="1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Powerpoint</a:t>
            </a: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-Skabelon</a:t>
            </a: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+mj-lt"/>
              <a:buAutoNum type="arabicPeriod" startAt="5"/>
            </a:pPr>
            <a:r>
              <a:rPr lang="da-DK" sz="1000" noProof="0">
                <a:solidFill>
                  <a:schemeClr val="accent2"/>
                </a:solidFill>
              </a:rPr>
              <a:t>Under fanen </a:t>
            </a:r>
            <a:r>
              <a:rPr lang="da-DK" sz="1000" b="1" noProof="0">
                <a:solidFill>
                  <a:schemeClr val="accent2"/>
                </a:solidFill>
              </a:rPr>
              <a:t>Hjem</a:t>
            </a:r>
            <a:r>
              <a:rPr lang="da-DK" sz="1000" noProof="0">
                <a:solidFill>
                  <a:schemeClr val="accent2"/>
                </a:solidFill>
              </a:rPr>
              <a:t> kan du nu nulstille sliden til det nye layout ved at vælge knappen </a:t>
            </a:r>
            <a:r>
              <a:rPr lang="da-DK" sz="1000" b="1" noProof="0">
                <a:solidFill>
                  <a:schemeClr val="accent2"/>
                </a:solidFill>
              </a:rPr>
              <a:t>Nulstil</a:t>
            </a:r>
            <a:r>
              <a:rPr lang="da-DK" sz="1000" noProof="0">
                <a:solidFill>
                  <a:schemeClr val="accent2"/>
                </a:solidFill>
              </a:rPr>
              <a:t>. </a:t>
            </a: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+mj-lt"/>
              <a:buAutoNum type="arabicPeriod" startAt="5"/>
            </a:pPr>
            <a:endParaRPr lang="da-DK" sz="1000" noProof="0">
              <a:solidFill>
                <a:schemeClr val="accent2"/>
              </a:solidFill>
            </a:endParaRP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+mj-lt"/>
              <a:buAutoNum type="arabicPeriod" startAt="5"/>
            </a:pPr>
            <a:endParaRPr lang="da-DK" sz="1000" noProof="0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+mj-lt"/>
              <a:buNone/>
            </a:pPr>
            <a:endParaRPr lang="da-DK" sz="1000" noProof="0">
              <a:solidFill>
                <a:schemeClr val="accent2"/>
              </a:solidFill>
            </a:endParaRP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+mj-lt"/>
              <a:buAutoNum type="arabicPeriod" startAt="5"/>
            </a:pPr>
            <a:r>
              <a:rPr lang="da-DK" sz="1000" noProof="0">
                <a:solidFill>
                  <a:schemeClr val="accent2"/>
                </a:solidFill>
              </a:rPr>
              <a:t>Tilpas herefter manuelt sliden, så den er pæn ud.</a:t>
            </a:r>
          </a:p>
        </p:txBody>
      </p:sp>
      <p:sp>
        <p:nvSpPr>
          <p:cNvPr id="91" name="Rectangle 90">
            <a:extLst>
              <a:ext uri="{FF2B5EF4-FFF2-40B4-BE49-F238E27FC236}">
                <a16:creationId xmlns:a16="http://schemas.microsoft.com/office/drawing/2014/main" id="{CD68E269-9CB2-D88F-5CAD-168BAC8B9FC7}"/>
              </a:ext>
            </a:extLst>
          </p:cNvPr>
          <p:cNvSpPr/>
          <p:nvPr userDrawn="1"/>
        </p:nvSpPr>
        <p:spPr>
          <a:xfrm rot="-180000">
            <a:off x="446922" y="926798"/>
            <a:ext cx="1729240" cy="380503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0000" bIns="90000" rtlCol="0" anchor="t" anchorCtr="0"/>
          <a:lstStyle/>
          <a:p>
            <a:pPr algn="l"/>
            <a:endParaRPr lang="en-GB" sz="1600" b="0" err="1">
              <a:solidFill>
                <a:schemeClr val="bg1"/>
              </a:solidFill>
            </a:endParaRPr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845E9104-FC9A-6C64-7AF8-B361F9BAC48E}"/>
              </a:ext>
            </a:extLst>
          </p:cNvPr>
          <p:cNvSpPr txBox="1"/>
          <p:nvPr userDrawn="1"/>
        </p:nvSpPr>
        <p:spPr>
          <a:xfrm>
            <a:off x="575008" y="931374"/>
            <a:ext cx="2019660" cy="47176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en-US" sz="2000" b="1" err="1">
                <a:solidFill>
                  <a:schemeClr val="accent2"/>
                </a:solidFill>
                <a:latin typeface="+mj-lt"/>
              </a:rPr>
              <a:t>Slet</a:t>
            </a:r>
            <a:r>
              <a:rPr lang="en-US" sz="2000" b="1">
                <a:solidFill>
                  <a:schemeClr val="accent2"/>
                </a:solidFill>
                <a:latin typeface="+mj-lt"/>
              </a:rPr>
              <a:t> </a:t>
            </a:r>
            <a:r>
              <a:rPr lang="en-US" sz="2000" b="1" err="1">
                <a:solidFill>
                  <a:schemeClr val="accent2"/>
                </a:solidFill>
                <a:latin typeface="+mj-lt"/>
              </a:rPr>
              <a:t>før</a:t>
            </a:r>
            <a:r>
              <a:rPr lang="en-US" sz="2000" b="1">
                <a:solidFill>
                  <a:schemeClr val="accent2"/>
                </a:solidFill>
                <a:latin typeface="+mj-lt"/>
              </a:rPr>
              <a:t> </a:t>
            </a:r>
            <a:r>
              <a:rPr lang="en-US" sz="2000" b="1" err="1">
                <a:solidFill>
                  <a:schemeClr val="accent2"/>
                </a:solidFill>
                <a:latin typeface="+mj-lt"/>
              </a:rPr>
              <a:t>brug</a:t>
            </a:r>
            <a:endParaRPr lang="en-GB" sz="2000" b="1" err="1">
              <a:solidFill>
                <a:schemeClr val="accent2"/>
              </a:solidFill>
              <a:latin typeface="+mj-lt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8986A42-8CA8-1631-E1D3-899E6C1862F2}"/>
              </a:ext>
            </a:extLst>
          </p:cNvPr>
          <p:cNvSpPr txBox="1"/>
          <p:nvPr userDrawn="1"/>
        </p:nvSpPr>
        <p:spPr>
          <a:xfrm>
            <a:off x="442913" y="441325"/>
            <a:ext cx="8598054" cy="9915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0"/>
              </a:spcBef>
              <a:buSzPct val="80000"/>
              <a:buFont typeface="Arial" panose="020B0604020202020204" pitchFamily="34" charset="0"/>
              <a:buNone/>
            </a:pPr>
            <a:r>
              <a:rPr lang="en-GB" sz="3200" b="1">
                <a:latin typeface="+mj-lt"/>
              </a:rPr>
              <a:t>Tips </a:t>
            </a:r>
            <a:r>
              <a:rPr lang="en-GB" sz="3200" b="1" err="1">
                <a:latin typeface="+mj-lt"/>
              </a:rPr>
              <a:t>og</a:t>
            </a:r>
            <a:r>
              <a:rPr lang="en-GB" sz="3200" b="1">
                <a:latin typeface="+mj-lt"/>
              </a:rPr>
              <a:t> tricks #3</a:t>
            </a:r>
            <a:endParaRPr lang="en-GB" sz="1600" b="1">
              <a:solidFill>
                <a:schemeClr val="accent2"/>
              </a:solidFill>
              <a:latin typeface="+mj-lt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039C2CC1-09C1-EE5C-7256-8C42191876D3}"/>
              </a:ext>
            </a:extLst>
          </p:cNvPr>
          <p:cNvSpPr txBox="1"/>
          <p:nvPr userDrawn="1"/>
        </p:nvSpPr>
        <p:spPr>
          <a:xfrm>
            <a:off x="435966" y="1806388"/>
            <a:ext cx="3526574" cy="446404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da-DK" sz="1000" b="1" noProof="0">
                <a:solidFill>
                  <a:schemeClr val="accent2"/>
                </a:solidFill>
              </a:rPr>
              <a:t>NÅR DU PASTER </a:t>
            </a:r>
            <a:r>
              <a:rPr lang="da-DK" sz="1000" b="1" noProof="0">
                <a:solidFill>
                  <a:schemeClr val="accent2"/>
                </a:solidFill>
                <a:highlight>
                  <a:srgbClr val="000000"/>
                </a:highlight>
              </a:rPr>
              <a:t> </a:t>
            </a:r>
            <a:r>
              <a:rPr lang="da-DK" sz="1000" b="1" noProof="0">
                <a:solidFill>
                  <a:schemeClr val="bg1"/>
                </a:solidFill>
                <a:highlight>
                  <a:srgbClr val="000000"/>
                </a:highlight>
              </a:rPr>
              <a:t>TEKST</a:t>
            </a:r>
            <a:r>
              <a:rPr lang="da-DK" sz="1000" b="1" noProof="0">
                <a:solidFill>
                  <a:schemeClr val="accent2"/>
                </a:solidFill>
                <a:highlight>
                  <a:srgbClr val="000000"/>
                </a:highlight>
              </a:rPr>
              <a:t> </a:t>
            </a:r>
            <a:r>
              <a:rPr lang="da-DK" sz="1000" b="1" noProof="0">
                <a:solidFill>
                  <a:schemeClr val="accent2"/>
                </a:solidFill>
              </a:rPr>
              <a:t> IND FRA ET ANDET DOKUMENT</a:t>
            </a:r>
            <a:br>
              <a:rPr lang="da-DK" sz="1000" b="1" noProof="0">
                <a:solidFill>
                  <a:schemeClr val="accent2"/>
                </a:solidFill>
              </a:rPr>
            </a:br>
            <a:r>
              <a:rPr lang="da-DK" sz="1000" b="0" noProof="0">
                <a:solidFill>
                  <a:schemeClr val="accent2"/>
                </a:solidFill>
              </a:rPr>
              <a:t>En af de typiske fejl, der kan opstå i din PowerPoint er, at du </a:t>
            </a:r>
            <a:r>
              <a:rPr lang="da-DK" sz="1000" b="0" noProof="0" err="1">
                <a:solidFill>
                  <a:schemeClr val="accent2"/>
                </a:solidFill>
              </a:rPr>
              <a:t>paster</a:t>
            </a:r>
            <a:r>
              <a:rPr lang="da-DK" sz="1000" b="0" noProof="0">
                <a:solidFill>
                  <a:schemeClr val="accent2"/>
                </a:solidFill>
              </a:rPr>
              <a:t> tekst ind fra en anden fil, så fonten i din PowerPoint bliver forkert.</a:t>
            </a: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da-DK" sz="1000" b="0" noProof="0">
                <a:solidFill>
                  <a:schemeClr val="accent2"/>
                </a:solidFill>
              </a:rPr>
              <a:t>Sådan </a:t>
            </a:r>
            <a:r>
              <a:rPr lang="da-DK" sz="1000" b="0" noProof="0" err="1">
                <a:solidFill>
                  <a:schemeClr val="accent2"/>
                </a:solidFill>
              </a:rPr>
              <a:t>paster</a:t>
            </a:r>
            <a:r>
              <a:rPr lang="da-DK" sz="1000" b="0" noProof="0">
                <a:solidFill>
                  <a:schemeClr val="accent2"/>
                </a:solidFill>
              </a:rPr>
              <a:t> du tekst korrekt ind:</a:t>
            </a: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r>
              <a:rPr lang="da-DK" sz="1000" b="1" noProof="0">
                <a:solidFill>
                  <a:schemeClr val="accent2"/>
                </a:solidFill>
              </a:rPr>
              <a:t>Kopier</a:t>
            </a:r>
            <a:r>
              <a:rPr lang="da-DK" sz="1000" b="0" noProof="0">
                <a:solidFill>
                  <a:schemeClr val="accent2"/>
                </a:solidFill>
              </a:rPr>
              <a:t> den ønskede tekst fra dit dokument.</a:t>
            </a: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r>
              <a:rPr lang="da-DK" sz="1000" b="1" noProof="0" err="1">
                <a:solidFill>
                  <a:schemeClr val="accent2"/>
                </a:solidFill>
              </a:rPr>
              <a:t>Paste</a:t>
            </a:r>
            <a:r>
              <a:rPr lang="da-DK" sz="1000" b="0" noProof="0">
                <a:solidFill>
                  <a:schemeClr val="accent2"/>
                </a:solidFill>
              </a:rPr>
              <a:t> teksten ind det ønskede sted ved at højreklikke </a:t>
            </a: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r>
              <a:rPr lang="da-DK" sz="1000" b="0" noProof="0">
                <a:solidFill>
                  <a:schemeClr val="accent2"/>
                </a:solidFill>
              </a:rPr>
              <a:t>Vælg </a:t>
            </a:r>
            <a:r>
              <a:rPr lang="da-DK" sz="1000" b="1" noProof="0">
                <a:solidFill>
                  <a:schemeClr val="accent2"/>
                </a:solidFill>
              </a:rPr>
              <a:t>Brug destinationstema </a:t>
            </a:r>
            <a:r>
              <a:rPr lang="da-DK" sz="1000" b="0" noProof="0">
                <a:solidFill>
                  <a:schemeClr val="accent2"/>
                </a:solidFill>
              </a:rPr>
              <a:t>på den lille knap, der dukker op, når du </a:t>
            </a:r>
            <a:r>
              <a:rPr lang="da-DK" sz="1000" b="0" noProof="0" err="1">
                <a:solidFill>
                  <a:schemeClr val="accent2"/>
                </a:solidFill>
              </a:rPr>
              <a:t>paster</a:t>
            </a:r>
            <a:r>
              <a:rPr lang="da-DK" sz="1000" b="0" noProof="0">
                <a:solidFill>
                  <a:schemeClr val="accent2"/>
                </a:solidFill>
              </a:rPr>
              <a:t> tekst ind:</a:t>
            </a: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da-DK" sz="1000" b="0" noProof="0">
              <a:solidFill>
                <a:schemeClr val="accent2"/>
              </a:solidFill>
            </a:endParaRP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da-DK" sz="1000" b="0" noProof="0">
              <a:solidFill>
                <a:schemeClr val="accent2"/>
              </a:solidFill>
            </a:endParaRP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da-DK" sz="1000" b="0" noProof="0">
              <a:solidFill>
                <a:schemeClr val="accent2"/>
              </a:solidFill>
            </a:endParaRPr>
          </a:p>
          <a:p>
            <a:pPr marL="0" indent="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br>
              <a:rPr lang="da-DK" sz="1000" b="0" noProof="0">
                <a:solidFill>
                  <a:schemeClr val="accent2"/>
                </a:solidFill>
              </a:rPr>
            </a:br>
            <a:r>
              <a:rPr lang="da-DK" sz="1000" b="0" noProof="0">
                <a:solidFill>
                  <a:schemeClr val="accent2"/>
                </a:solidFill>
              </a:rPr>
              <a:t>Du kan også indsætte ved at vælge </a:t>
            </a:r>
            <a:r>
              <a:rPr lang="da-DK" sz="1000" b="1" kern="1200" noProof="0" err="1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Ctrl</a:t>
            </a:r>
            <a:r>
              <a:rPr lang="da-DK" sz="1000" b="1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 + Alt + V og </a:t>
            </a: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vælge </a:t>
            </a:r>
            <a:r>
              <a:rPr lang="da-DK" sz="1000" b="0" kern="1200" noProof="0" err="1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uformateret</a:t>
            </a: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 tekst</a:t>
            </a: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da-DK" sz="1000" b="0" noProof="0">
                <a:solidFill>
                  <a:schemeClr val="accent2"/>
                </a:solidFill>
              </a:rPr>
              <a:t>- På denne måde sikrer du, at formateringen af din tekst bliver korrekt og matcher designet i skabelonen.</a:t>
            </a: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da-DK" sz="1000" b="1" noProof="0">
              <a:solidFill>
                <a:schemeClr val="accent2"/>
              </a:solidFill>
            </a:endParaRPr>
          </a:p>
          <a:p>
            <a:pPr marL="228600" indent="-22860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da-DK" sz="1000" b="0" noProof="0">
              <a:solidFill>
                <a:schemeClr val="accent2"/>
              </a:solidFill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endParaRPr lang="da-DK" sz="1000" b="1" noProof="0">
              <a:solidFill>
                <a:schemeClr val="accent2"/>
              </a:solidFill>
            </a:endParaRP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AFBEF7CA-F2B1-A6E7-150F-84BD25F9F8E2}"/>
              </a:ext>
            </a:extLst>
          </p:cNvPr>
          <p:cNvSpPr txBox="1"/>
          <p:nvPr userDrawn="1"/>
        </p:nvSpPr>
        <p:spPr>
          <a:xfrm>
            <a:off x="4341256" y="1806388"/>
            <a:ext cx="3603443" cy="450233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da-DK" sz="1000" b="1" noProof="0">
                <a:solidFill>
                  <a:schemeClr val="accent2"/>
                </a:solidFill>
              </a:rPr>
              <a:t>NÅR DU PASTER </a:t>
            </a:r>
            <a:r>
              <a:rPr lang="da-DK" sz="1000" b="1" noProof="0">
                <a:solidFill>
                  <a:schemeClr val="accent2"/>
                </a:solidFill>
                <a:highlight>
                  <a:srgbClr val="000000"/>
                </a:highlight>
              </a:rPr>
              <a:t> </a:t>
            </a:r>
            <a:r>
              <a:rPr lang="da-DK" sz="1000" b="1" noProof="0">
                <a:solidFill>
                  <a:schemeClr val="bg1"/>
                </a:solidFill>
                <a:highlight>
                  <a:srgbClr val="000000"/>
                </a:highlight>
              </a:rPr>
              <a:t>SLIDES</a:t>
            </a:r>
            <a:r>
              <a:rPr lang="da-DK" sz="1000" b="1" noProof="0">
                <a:solidFill>
                  <a:schemeClr val="accent2"/>
                </a:solidFill>
                <a:highlight>
                  <a:srgbClr val="000000"/>
                </a:highlight>
              </a:rPr>
              <a:t> </a:t>
            </a:r>
            <a:r>
              <a:rPr lang="da-DK" sz="1000" b="1" noProof="0">
                <a:solidFill>
                  <a:schemeClr val="accent2"/>
                </a:solidFill>
              </a:rPr>
              <a:t> IND FRA ET ANDET DOKUMENT</a:t>
            </a:r>
            <a:br>
              <a:rPr lang="da-DK" sz="1000" b="1" noProof="0">
                <a:solidFill>
                  <a:schemeClr val="accent2"/>
                </a:solidFill>
              </a:rPr>
            </a:b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Hvis du vil genbruge en slide fra en anden præsentation, skal du være opmærksom på, hvordan du </a:t>
            </a:r>
            <a:r>
              <a:rPr lang="da-DK" sz="1000" b="0" kern="1200" noProof="0" err="1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paster</a:t>
            </a: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 den ind, for at designet forbliver korrekt.</a:t>
            </a:r>
          </a:p>
          <a:p>
            <a:pPr marL="0" indent="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Sådan gør du:</a:t>
            </a:r>
          </a:p>
          <a:p>
            <a:pPr marL="228600" indent="-22860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Klik på den eller de slides, du ønsker at sætte over i din nye præsentation.</a:t>
            </a:r>
          </a:p>
          <a:p>
            <a:pPr marL="228600" indent="-22860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Højreklik og vælg </a:t>
            </a:r>
            <a:r>
              <a:rPr lang="da-DK" sz="1000" b="1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Kopier </a:t>
            </a: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eller </a:t>
            </a:r>
            <a:r>
              <a:rPr lang="da-DK" sz="1000" b="1" kern="1200" noProof="0" err="1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Ctrl</a:t>
            </a:r>
            <a:r>
              <a:rPr lang="da-DK" sz="1000" b="1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 + C</a:t>
            </a:r>
          </a:p>
          <a:p>
            <a:pPr marL="228600" indent="-22860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Gå til din nye præsentation og klik det sted, din slide skal sættes ind.</a:t>
            </a:r>
          </a:p>
          <a:p>
            <a:pPr marL="228600" indent="-22860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r>
              <a:rPr lang="da-DK" sz="1000" b="0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Højreklik og vælg knappen </a:t>
            </a:r>
            <a:r>
              <a:rPr lang="da-DK" sz="1000" b="1" kern="1200" noProof="0">
                <a:solidFill>
                  <a:schemeClr val="accent2"/>
                </a:solidFill>
                <a:latin typeface="+mn-lt"/>
                <a:ea typeface="+mn-ea"/>
                <a:cs typeface="+mn-cs"/>
              </a:rPr>
              <a:t>Brug destinationstema:</a:t>
            </a:r>
          </a:p>
          <a:p>
            <a:pPr marL="228600" indent="-22860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da-DK" sz="1000" b="1" kern="1200" noProof="0">
              <a:solidFill>
                <a:schemeClr val="accent2"/>
              </a:solidFill>
              <a:latin typeface="+mn-lt"/>
              <a:ea typeface="+mn-ea"/>
              <a:cs typeface="+mn-cs"/>
            </a:endParaRPr>
          </a:p>
          <a:p>
            <a:pPr marL="228600" indent="-22860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da-DK" sz="1000" b="1" kern="1200" noProof="0">
              <a:solidFill>
                <a:schemeClr val="accent2"/>
              </a:solidFill>
              <a:latin typeface="+mn-lt"/>
              <a:ea typeface="+mn-ea"/>
              <a:cs typeface="+mn-cs"/>
            </a:endParaRPr>
          </a:p>
          <a:p>
            <a:pPr marL="228600" indent="-22860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da-DK" sz="1000" b="1" kern="1200" noProof="0">
              <a:solidFill>
                <a:schemeClr val="accent2"/>
              </a:solidFill>
              <a:latin typeface="+mn-lt"/>
              <a:ea typeface="+mn-ea"/>
              <a:cs typeface="+mn-cs"/>
            </a:endParaRPr>
          </a:p>
          <a:p>
            <a:pPr marL="228600" indent="-22860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AutoNum type="arabicPeriod"/>
            </a:pPr>
            <a:endParaRPr lang="da-DK" sz="1000" b="1" kern="1200" noProof="0">
              <a:solidFill>
                <a:schemeClr val="accent2"/>
              </a:solidFill>
              <a:latin typeface="+mn-lt"/>
              <a:ea typeface="+mn-ea"/>
              <a:cs typeface="+mn-cs"/>
            </a:endParaRPr>
          </a:p>
          <a:p>
            <a:pPr marL="0" indent="0" algn="l" defTabSz="914400" rtl="0" eaLnBrk="1" latinLnBrk="0" hangingPunct="1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endParaRPr lang="da-DK" sz="1000" b="0" kern="1200" noProof="0">
              <a:solidFill>
                <a:schemeClr val="accent2"/>
              </a:solidFill>
              <a:latin typeface="+mn-lt"/>
              <a:ea typeface="+mn-ea"/>
              <a:cs typeface="+mn-cs"/>
            </a:endParaRPr>
          </a:p>
          <a:p>
            <a:pPr marL="0" indent="0" algn="l">
              <a:lnSpc>
                <a:spcPct val="110000"/>
              </a:lnSpc>
              <a:spcBef>
                <a:spcPts val="1200"/>
              </a:spcBef>
              <a:buSzPct val="80000"/>
              <a:buFont typeface="Arial" panose="020B0604020202020204" pitchFamily="34" charset="0"/>
              <a:buNone/>
            </a:pPr>
            <a:endParaRPr lang="da-DK" sz="1000" b="1" noProof="0">
              <a:solidFill>
                <a:schemeClr val="accent2"/>
              </a:solidFill>
            </a:endParaRPr>
          </a:p>
        </p:txBody>
      </p: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371F0665-6392-1E18-AC6B-8FC48BD2817C}"/>
              </a:ext>
            </a:extLst>
          </p:cNvPr>
          <p:cNvCxnSpPr>
            <a:cxnSpLocks/>
          </p:cNvCxnSpPr>
          <p:nvPr userDrawn="1"/>
        </p:nvCxnSpPr>
        <p:spPr>
          <a:xfrm>
            <a:off x="4162425" y="1806387"/>
            <a:ext cx="0" cy="4500000"/>
          </a:xfrm>
          <a:prstGeom prst="line">
            <a:avLst/>
          </a:prstGeom>
          <a:ln w="635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72AA9164-6B5D-D087-4DA9-7030517BA0D7}"/>
              </a:ext>
            </a:extLst>
          </p:cNvPr>
          <p:cNvCxnSpPr>
            <a:cxnSpLocks/>
          </p:cNvCxnSpPr>
          <p:nvPr userDrawn="1"/>
        </p:nvCxnSpPr>
        <p:spPr>
          <a:xfrm>
            <a:off x="8048625" y="1806387"/>
            <a:ext cx="0" cy="4500000"/>
          </a:xfrm>
          <a:prstGeom prst="line">
            <a:avLst/>
          </a:prstGeom>
          <a:ln w="635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8" name="Billede 7">
            <a:extLst>
              <a:ext uri="{FF2B5EF4-FFF2-40B4-BE49-F238E27FC236}">
                <a16:creationId xmlns:a16="http://schemas.microsoft.com/office/drawing/2014/main" id="{847C060D-2B37-D9A6-3C8D-20CDE74CB05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b="4316"/>
          <a:stretch/>
        </p:blipFill>
        <p:spPr>
          <a:xfrm>
            <a:off x="4341255" y="4695677"/>
            <a:ext cx="2260247" cy="1266974"/>
          </a:xfrm>
          <a:prstGeom prst="rect">
            <a:avLst/>
          </a:prstGeom>
          <a:ln w="3175">
            <a:solidFill>
              <a:schemeClr val="tx1"/>
            </a:solidFill>
          </a:ln>
        </p:spPr>
      </p:pic>
      <p:cxnSp>
        <p:nvCxnSpPr>
          <p:cNvPr id="7" name="Lige pilforbindelse 6">
            <a:extLst>
              <a:ext uri="{FF2B5EF4-FFF2-40B4-BE49-F238E27FC236}">
                <a16:creationId xmlns:a16="http://schemas.microsoft.com/office/drawing/2014/main" id="{BEB597C8-8F2C-E65E-FA2E-52409B10C642}"/>
              </a:ext>
            </a:extLst>
          </p:cNvPr>
          <p:cNvCxnSpPr>
            <a:cxnSpLocks/>
          </p:cNvCxnSpPr>
          <p:nvPr userDrawn="1"/>
        </p:nvCxnSpPr>
        <p:spPr>
          <a:xfrm flipH="1">
            <a:off x="5652741" y="5249901"/>
            <a:ext cx="1491009" cy="0"/>
          </a:xfrm>
          <a:prstGeom prst="straightConnector1">
            <a:avLst/>
          </a:prstGeom>
          <a:ln>
            <a:solidFill>
              <a:schemeClr val="accent1"/>
            </a:solidFill>
            <a:tailEnd type="triangle"/>
          </a:ln>
        </p:spPr>
        <p:style>
          <a:lnRef idx="3">
            <a:schemeClr val="accent3"/>
          </a:lnRef>
          <a:fillRef idx="0">
            <a:schemeClr val="accent3"/>
          </a:fillRef>
          <a:effectRef idx="2">
            <a:schemeClr val="accent3"/>
          </a:effectRef>
          <a:fontRef idx="minor">
            <a:schemeClr val="tx1"/>
          </a:fontRef>
        </p:style>
      </p:cxnSp>
      <p:pic>
        <p:nvPicPr>
          <p:cNvPr id="14" name="Billede 13">
            <a:extLst>
              <a:ext uri="{FF2B5EF4-FFF2-40B4-BE49-F238E27FC236}">
                <a16:creationId xmlns:a16="http://schemas.microsoft.com/office/drawing/2014/main" id="{60D52C6B-546F-1F81-177B-3C490102FD8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r="3389" b="11457"/>
          <a:stretch/>
        </p:blipFill>
        <p:spPr>
          <a:xfrm>
            <a:off x="8228790" y="5169609"/>
            <a:ext cx="1098471" cy="861794"/>
          </a:xfrm>
          <a:prstGeom prst="rect">
            <a:avLst/>
          </a:prstGeom>
          <a:ln w="3175">
            <a:solidFill>
              <a:schemeClr val="tx1"/>
            </a:solidFill>
          </a:ln>
        </p:spPr>
      </p:pic>
      <p:cxnSp>
        <p:nvCxnSpPr>
          <p:cNvPr id="43" name="Lige pilforbindelse 42">
            <a:extLst>
              <a:ext uri="{FF2B5EF4-FFF2-40B4-BE49-F238E27FC236}">
                <a16:creationId xmlns:a16="http://schemas.microsoft.com/office/drawing/2014/main" id="{B0F3BA2A-3A54-48A1-6906-D2BF587483C3}"/>
              </a:ext>
            </a:extLst>
          </p:cNvPr>
          <p:cNvCxnSpPr>
            <a:cxnSpLocks/>
          </p:cNvCxnSpPr>
          <p:nvPr userDrawn="1"/>
        </p:nvCxnSpPr>
        <p:spPr>
          <a:xfrm flipH="1">
            <a:off x="8603409" y="5405814"/>
            <a:ext cx="875115" cy="0"/>
          </a:xfrm>
          <a:prstGeom prst="straightConnector1">
            <a:avLst/>
          </a:prstGeom>
          <a:ln>
            <a:solidFill>
              <a:schemeClr val="accent1"/>
            </a:solidFill>
            <a:tailEnd type="triangle"/>
          </a:ln>
        </p:spPr>
        <p:style>
          <a:lnRef idx="3">
            <a:schemeClr val="accent3"/>
          </a:lnRef>
          <a:fillRef idx="0">
            <a:schemeClr val="accent3"/>
          </a:fillRef>
          <a:effectRef idx="2">
            <a:schemeClr val="accent3"/>
          </a:effectRef>
          <a:fontRef idx="minor">
            <a:schemeClr val="tx1"/>
          </a:fontRef>
        </p:style>
      </p:cxnSp>
      <p:pic>
        <p:nvPicPr>
          <p:cNvPr id="17" name="Billede 16">
            <a:extLst>
              <a:ext uri="{FF2B5EF4-FFF2-40B4-BE49-F238E27FC236}">
                <a16:creationId xmlns:a16="http://schemas.microsoft.com/office/drawing/2014/main" id="{E4D756ED-AEBC-E2FA-4F90-0ED6F5A2D08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68715" t="54887" r="13304" b="15240"/>
          <a:stretch/>
        </p:blipFill>
        <p:spPr>
          <a:xfrm>
            <a:off x="442914" y="4056387"/>
            <a:ext cx="1520680" cy="1065712"/>
          </a:xfrm>
          <a:prstGeom prst="rect">
            <a:avLst/>
          </a:prstGeom>
          <a:ln w="3175">
            <a:noFill/>
          </a:ln>
        </p:spPr>
      </p:pic>
      <p:cxnSp>
        <p:nvCxnSpPr>
          <p:cNvPr id="49" name="Lige pilforbindelse 48">
            <a:extLst>
              <a:ext uri="{FF2B5EF4-FFF2-40B4-BE49-F238E27FC236}">
                <a16:creationId xmlns:a16="http://schemas.microsoft.com/office/drawing/2014/main" id="{2F41E4AA-874B-D981-A5BB-E6F36494DBEA}"/>
              </a:ext>
            </a:extLst>
          </p:cNvPr>
          <p:cNvCxnSpPr>
            <a:cxnSpLocks/>
          </p:cNvCxnSpPr>
          <p:nvPr userDrawn="1"/>
        </p:nvCxnSpPr>
        <p:spPr>
          <a:xfrm flipH="1">
            <a:off x="2046056" y="4410731"/>
            <a:ext cx="548612" cy="0"/>
          </a:xfrm>
          <a:prstGeom prst="straightConnector1">
            <a:avLst/>
          </a:prstGeom>
          <a:ln>
            <a:solidFill>
              <a:schemeClr val="accent1"/>
            </a:solidFill>
            <a:tailEnd type="triangle"/>
          </a:ln>
        </p:spPr>
        <p:style>
          <a:lnRef idx="3">
            <a:schemeClr val="accent3"/>
          </a:lnRef>
          <a:fillRef idx="0">
            <a:schemeClr val="accent3"/>
          </a:fillRef>
          <a:effectRef idx="2">
            <a:schemeClr val="accent3"/>
          </a:effectRef>
          <a:fontRef idx="minor">
            <a:schemeClr val="tx1"/>
          </a:fontRef>
        </p:style>
      </p:cxnSp>
      <p:cxnSp>
        <p:nvCxnSpPr>
          <p:cNvPr id="27" name="Lige pilforbindelse 26">
            <a:extLst>
              <a:ext uri="{FF2B5EF4-FFF2-40B4-BE49-F238E27FC236}">
                <a16:creationId xmlns:a16="http://schemas.microsoft.com/office/drawing/2014/main" id="{0B6CCE1F-22E6-9EDE-6C09-2A0F3E02B987}"/>
              </a:ext>
            </a:extLst>
          </p:cNvPr>
          <p:cNvCxnSpPr>
            <a:cxnSpLocks/>
          </p:cNvCxnSpPr>
          <p:nvPr userDrawn="1"/>
        </p:nvCxnSpPr>
        <p:spPr>
          <a:xfrm flipH="1">
            <a:off x="9623316" y="3588020"/>
            <a:ext cx="875115" cy="0"/>
          </a:xfrm>
          <a:prstGeom prst="straightConnector1">
            <a:avLst/>
          </a:prstGeom>
          <a:ln>
            <a:solidFill>
              <a:schemeClr val="accent1"/>
            </a:solidFill>
            <a:tailEnd type="triangle"/>
          </a:ln>
        </p:spPr>
        <p:style>
          <a:lnRef idx="3">
            <a:schemeClr val="accent3"/>
          </a:lnRef>
          <a:fillRef idx="0">
            <a:schemeClr val="accent3"/>
          </a:fillRef>
          <a:effectRef idx="2">
            <a:schemeClr val="accent3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7346909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i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400BFE8A-5EDB-5446-7A1A-266FC7F8FA23}"/>
              </a:ext>
            </a:extLst>
          </p:cNvPr>
          <p:cNvSpPr/>
          <p:nvPr userDrawn="1"/>
        </p:nvSpPr>
        <p:spPr>
          <a:xfrm rot="180000">
            <a:off x="-10122" y="-3260"/>
            <a:ext cx="12215661" cy="6862155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0 h 6858000"/>
              <a:gd name="connsiteX0" fmla="*/ 5020 w 12197020"/>
              <a:gd name="connsiteY0" fmla="*/ 0 h 6858000"/>
              <a:gd name="connsiteX1" fmla="*/ 12197020 w 12197020"/>
              <a:gd name="connsiteY1" fmla="*/ 0 h 6858000"/>
              <a:gd name="connsiteX2" fmla="*/ 12197020 w 12197020"/>
              <a:gd name="connsiteY2" fmla="*/ 6858000 h 6858000"/>
              <a:gd name="connsiteX3" fmla="*/ 5020 w 12197020"/>
              <a:gd name="connsiteY3" fmla="*/ 6858000 h 6858000"/>
              <a:gd name="connsiteX4" fmla="*/ 0 w 12197020"/>
              <a:gd name="connsiteY4" fmla="*/ 307881 h 6858000"/>
              <a:gd name="connsiteX5" fmla="*/ 5020 w 12197020"/>
              <a:gd name="connsiteY5" fmla="*/ 0 h 6858000"/>
              <a:gd name="connsiteX0" fmla="*/ 904600 w 13096600"/>
              <a:gd name="connsiteY0" fmla="*/ 0 h 6858000"/>
              <a:gd name="connsiteX1" fmla="*/ 13096600 w 13096600"/>
              <a:gd name="connsiteY1" fmla="*/ 0 h 6858000"/>
              <a:gd name="connsiteX2" fmla="*/ 13096600 w 13096600"/>
              <a:gd name="connsiteY2" fmla="*/ 6858000 h 6858000"/>
              <a:gd name="connsiteX3" fmla="*/ 904600 w 13096600"/>
              <a:gd name="connsiteY3" fmla="*/ 6858000 h 6858000"/>
              <a:gd name="connsiteX4" fmla="*/ 899580 w 13096600"/>
              <a:gd name="connsiteY4" fmla="*/ 307881 h 6858000"/>
              <a:gd name="connsiteX5" fmla="*/ 899580 w 13096600"/>
              <a:gd name="connsiteY5" fmla="*/ 307881 h 6858000"/>
              <a:gd name="connsiteX6" fmla="*/ 904600 w 13096600"/>
              <a:gd name="connsiteY6" fmla="*/ 0 h 6858000"/>
              <a:gd name="connsiteX0" fmla="*/ 904600 w 13096600"/>
              <a:gd name="connsiteY0" fmla="*/ 3038 h 6861038"/>
              <a:gd name="connsiteX1" fmla="*/ 6923270 w 13096600"/>
              <a:gd name="connsiteY1" fmla="*/ 0 h 6861038"/>
              <a:gd name="connsiteX2" fmla="*/ 13096600 w 13096600"/>
              <a:gd name="connsiteY2" fmla="*/ 3038 h 6861038"/>
              <a:gd name="connsiteX3" fmla="*/ 13096600 w 13096600"/>
              <a:gd name="connsiteY3" fmla="*/ 6861038 h 6861038"/>
              <a:gd name="connsiteX4" fmla="*/ 904600 w 13096600"/>
              <a:gd name="connsiteY4" fmla="*/ 6861038 h 6861038"/>
              <a:gd name="connsiteX5" fmla="*/ 899580 w 13096600"/>
              <a:gd name="connsiteY5" fmla="*/ 310919 h 6861038"/>
              <a:gd name="connsiteX6" fmla="*/ 899580 w 13096600"/>
              <a:gd name="connsiteY6" fmla="*/ 310919 h 6861038"/>
              <a:gd name="connsiteX7" fmla="*/ 904600 w 13096600"/>
              <a:gd name="connsiteY7" fmla="*/ 3038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0919 h 6861038"/>
              <a:gd name="connsiteX1" fmla="*/ 6023690 w 12197020"/>
              <a:gd name="connsiteY1" fmla="*/ 0 h 6861038"/>
              <a:gd name="connsiteX2" fmla="*/ 12197020 w 12197020"/>
              <a:gd name="connsiteY2" fmla="*/ 3038 h 6861038"/>
              <a:gd name="connsiteX3" fmla="*/ 12197020 w 12197020"/>
              <a:gd name="connsiteY3" fmla="*/ 6861038 h 6861038"/>
              <a:gd name="connsiteX4" fmla="*/ 5020 w 12197020"/>
              <a:gd name="connsiteY4" fmla="*/ 6861038 h 6861038"/>
              <a:gd name="connsiteX5" fmla="*/ 0 w 12197020"/>
              <a:gd name="connsiteY5" fmla="*/ 310919 h 6861038"/>
              <a:gd name="connsiteX6" fmla="*/ 0 w 12197020"/>
              <a:gd name="connsiteY6" fmla="*/ 310919 h 6861038"/>
              <a:gd name="connsiteX0" fmla="*/ 0 w 12197020"/>
              <a:gd name="connsiteY0" fmla="*/ 311228 h 6861347"/>
              <a:gd name="connsiteX1" fmla="*/ 6023690 w 12197020"/>
              <a:gd name="connsiteY1" fmla="*/ 309 h 6861347"/>
              <a:gd name="connsiteX2" fmla="*/ 12032502 w 12197020"/>
              <a:gd name="connsiteY2" fmla="*/ 0 h 6861347"/>
              <a:gd name="connsiteX3" fmla="*/ 12197020 w 12197020"/>
              <a:gd name="connsiteY3" fmla="*/ 3347 h 6861347"/>
              <a:gd name="connsiteX4" fmla="*/ 12197020 w 12197020"/>
              <a:gd name="connsiteY4" fmla="*/ 6861347 h 6861347"/>
              <a:gd name="connsiteX5" fmla="*/ 5020 w 12197020"/>
              <a:gd name="connsiteY5" fmla="*/ 6861347 h 6861347"/>
              <a:gd name="connsiteX6" fmla="*/ 0 w 12197020"/>
              <a:gd name="connsiteY6" fmla="*/ 311228 h 6861347"/>
              <a:gd name="connsiteX7" fmla="*/ 0 w 12197020"/>
              <a:gd name="connsiteY7" fmla="*/ 311228 h 6861347"/>
              <a:gd name="connsiteX0" fmla="*/ 0 w 12198399"/>
              <a:gd name="connsiteY0" fmla="*/ 311228 h 6861347"/>
              <a:gd name="connsiteX1" fmla="*/ 6023690 w 12198399"/>
              <a:gd name="connsiteY1" fmla="*/ 309 h 6861347"/>
              <a:gd name="connsiteX2" fmla="*/ 12032502 w 12198399"/>
              <a:gd name="connsiteY2" fmla="*/ 0 h 6861347"/>
              <a:gd name="connsiteX3" fmla="*/ 12197020 w 12198399"/>
              <a:gd name="connsiteY3" fmla="*/ 3347 h 6861347"/>
              <a:gd name="connsiteX4" fmla="*/ 12198399 w 12198399"/>
              <a:gd name="connsiteY4" fmla="*/ 3265624 h 6861347"/>
              <a:gd name="connsiteX5" fmla="*/ 12197020 w 12198399"/>
              <a:gd name="connsiteY5" fmla="*/ 6861347 h 6861347"/>
              <a:gd name="connsiteX6" fmla="*/ 5020 w 12198399"/>
              <a:gd name="connsiteY6" fmla="*/ 6861347 h 6861347"/>
              <a:gd name="connsiteX7" fmla="*/ 0 w 12198399"/>
              <a:gd name="connsiteY7" fmla="*/ 311228 h 6861347"/>
              <a:gd name="connsiteX8" fmla="*/ 0 w 12198399"/>
              <a:gd name="connsiteY8" fmla="*/ 311228 h 6861347"/>
              <a:gd name="connsiteX0" fmla="*/ 0 w 12198399"/>
              <a:gd name="connsiteY0" fmla="*/ 311228 h 6861347"/>
              <a:gd name="connsiteX1" fmla="*/ 6023690 w 12198399"/>
              <a:gd name="connsiteY1" fmla="*/ 309 h 6861347"/>
              <a:gd name="connsiteX2" fmla="*/ 12032502 w 12198399"/>
              <a:gd name="connsiteY2" fmla="*/ 0 h 6861347"/>
              <a:gd name="connsiteX3" fmla="*/ 12198399 w 12198399"/>
              <a:gd name="connsiteY3" fmla="*/ 3265624 h 6861347"/>
              <a:gd name="connsiteX4" fmla="*/ 12197020 w 12198399"/>
              <a:gd name="connsiteY4" fmla="*/ 6861347 h 6861347"/>
              <a:gd name="connsiteX5" fmla="*/ 5020 w 12198399"/>
              <a:gd name="connsiteY5" fmla="*/ 6861347 h 6861347"/>
              <a:gd name="connsiteX6" fmla="*/ 0 w 12198399"/>
              <a:gd name="connsiteY6" fmla="*/ 311228 h 6861347"/>
              <a:gd name="connsiteX7" fmla="*/ 0 w 12198399"/>
              <a:gd name="connsiteY7" fmla="*/ 311228 h 6861347"/>
              <a:gd name="connsiteX0" fmla="*/ 0 w 13100248"/>
              <a:gd name="connsiteY0" fmla="*/ 311228 h 6912889"/>
              <a:gd name="connsiteX1" fmla="*/ 6023690 w 13100248"/>
              <a:gd name="connsiteY1" fmla="*/ 309 h 6912889"/>
              <a:gd name="connsiteX2" fmla="*/ 12032502 w 13100248"/>
              <a:gd name="connsiteY2" fmla="*/ 0 h 6912889"/>
              <a:gd name="connsiteX3" fmla="*/ 12198399 w 13100248"/>
              <a:gd name="connsiteY3" fmla="*/ 3265624 h 6912889"/>
              <a:gd name="connsiteX4" fmla="*/ 12197527 w 13100248"/>
              <a:gd name="connsiteY4" fmla="*/ 6553107 h 6912889"/>
              <a:gd name="connsiteX5" fmla="*/ 12197020 w 13100248"/>
              <a:gd name="connsiteY5" fmla="*/ 6861347 h 6912889"/>
              <a:gd name="connsiteX6" fmla="*/ 5020 w 13100248"/>
              <a:gd name="connsiteY6" fmla="*/ 6861347 h 6912889"/>
              <a:gd name="connsiteX7" fmla="*/ 0 w 13100248"/>
              <a:gd name="connsiteY7" fmla="*/ 311228 h 6912889"/>
              <a:gd name="connsiteX8" fmla="*/ 0 w 13100248"/>
              <a:gd name="connsiteY8" fmla="*/ 311228 h 6912889"/>
              <a:gd name="connsiteX0" fmla="*/ 0 w 12636493"/>
              <a:gd name="connsiteY0" fmla="*/ 311228 h 6913047"/>
              <a:gd name="connsiteX1" fmla="*/ 6023690 w 12636493"/>
              <a:gd name="connsiteY1" fmla="*/ 309 h 6913047"/>
              <a:gd name="connsiteX2" fmla="*/ 12032502 w 12636493"/>
              <a:gd name="connsiteY2" fmla="*/ 0 h 6913047"/>
              <a:gd name="connsiteX3" fmla="*/ 12198399 w 12636493"/>
              <a:gd name="connsiteY3" fmla="*/ 3265624 h 6913047"/>
              <a:gd name="connsiteX4" fmla="*/ 12197527 w 12636493"/>
              <a:gd name="connsiteY4" fmla="*/ 6553107 h 6913047"/>
              <a:gd name="connsiteX5" fmla="*/ 12197020 w 12636493"/>
              <a:gd name="connsiteY5" fmla="*/ 6861347 h 6913047"/>
              <a:gd name="connsiteX6" fmla="*/ 6265722 w 12636493"/>
              <a:gd name="connsiteY6" fmla="*/ 6858733 h 6913047"/>
              <a:gd name="connsiteX7" fmla="*/ 5020 w 12636493"/>
              <a:gd name="connsiteY7" fmla="*/ 6861347 h 6913047"/>
              <a:gd name="connsiteX8" fmla="*/ 0 w 12636493"/>
              <a:gd name="connsiteY8" fmla="*/ 311228 h 6913047"/>
              <a:gd name="connsiteX9" fmla="*/ 0 w 12636493"/>
              <a:gd name="connsiteY9" fmla="*/ 311228 h 6913047"/>
              <a:gd name="connsiteX0" fmla="*/ 0 w 12643392"/>
              <a:gd name="connsiteY0" fmla="*/ 311228 h 6911477"/>
              <a:gd name="connsiteX1" fmla="*/ 6023690 w 12643392"/>
              <a:gd name="connsiteY1" fmla="*/ 309 h 6911477"/>
              <a:gd name="connsiteX2" fmla="*/ 12032502 w 12643392"/>
              <a:gd name="connsiteY2" fmla="*/ 0 h 6911477"/>
              <a:gd name="connsiteX3" fmla="*/ 12198399 w 12643392"/>
              <a:gd name="connsiteY3" fmla="*/ 3265624 h 6911477"/>
              <a:gd name="connsiteX4" fmla="*/ 12197527 w 12643392"/>
              <a:gd name="connsiteY4" fmla="*/ 6553107 h 6911477"/>
              <a:gd name="connsiteX5" fmla="*/ 6265722 w 12643392"/>
              <a:gd name="connsiteY5" fmla="*/ 6858733 h 6911477"/>
              <a:gd name="connsiteX6" fmla="*/ 5020 w 12643392"/>
              <a:gd name="connsiteY6" fmla="*/ 6861347 h 6911477"/>
              <a:gd name="connsiteX7" fmla="*/ 0 w 12643392"/>
              <a:gd name="connsiteY7" fmla="*/ 311228 h 6911477"/>
              <a:gd name="connsiteX8" fmla="*/ 0 w 12643392"/>
              <a:gd name="connsiteY8" fmla="*/ 311228 h 6911477"/>
              <a:gd name="connsiteX0" fmla="*/ 0 w 12643392"/>
              <a:gd name="connsiteY0" fmla="*/ 311228 h 6911477"/>
              <a:gd name="connsiteX1" fmla="*/ 6023690 w 12643392"/>
              <a:gd name="connsiteY1" fmla="*/ 309 h 6911477"/>
              <a:gd name="connsiteX2" fmla="*/ 12032502 w 12643392"/>
              <a:gd name="connsiteY2" fmla="*/ 0 h 6911477"/>
              <a:gd name="connsiteX3" fmla="*/ 12198399 w 12643392"/>
              <a:gd name="connsiteY3" fmla="*/ 3265624 h 6911477"/>
              <a:gd name="connsiteX4" fmla="*/ 12197527 w 12643392"/>
              <a:gd name="connsiteY4" fmla="*/ 6553107 h 6911477"/>
              <a:gd name="connsiteX5" fmla="*/ 6265722 w 12643392"/>
              <a:gd name="connsiteY5" fmla="*/ 6858733 h 6911477"/>
              <a:gd name="connsiteX6" fmla="*/ 5020 w 12643392"/>
              <a:gd name="connsiteY6" fmla="*/ 6861347 h 6911477"/>
              <a:gd name="connsiteX7" fmla="*/ 0 w 12643392"/>
              <a:gd name="connsiteY7" fmla="*/ 311228 h 6911477"/>
              <a:gd name="connsiteX8" fmla="*/ 0 w 12643392"/>
              <a:gd name="connsiteY8" fmla="*/ 311228 h 6911477"/>
              <a:gd name="connsiteX0" fmla="*/ 0 w 12210495"/>
              <a:gd name="connsiteY0" fmla="*/ 311228 h 6911477"/>
              <a:gd name="connsiteX1" fmla="*/ 6023690 w 12210495"/>
              <a:gd name="connsiteY1" fmla="*/ 309 h 6911477"/>
              <a:gd name="connsiteX2" fmla="*/ 12032502 w 12210495"/>
              <a:gd name="connsiteY2" fmla="*/ 0 h 6911477"/>
              <a:gd name="connsiteX3" fmla="*/ 12198399 w 12210495"/>
              <a:gd name="connsiteY3" fmla="*/ 3265624 h 6911477"/>
              <a:gd name="connsiteX4" fmla="*/ 12197527 w 12210495"/>
              <a:gd name="connsiteY4" fmla="*/ 6553107 h 6911477"/>
              <a:gd name="connsiteX5" fmla="*/ 6265722 w 12210495"/>
              <a:gd name="connsiteY5" fmla="*/ 6858733 h 6911477"/>
              <a:gd name="connsiteX6" fmla="*/ 5020 w 12210495"/>
              <a:gd name="connsiteY6" fmla="*/ 6861347 h 6911477"/>
              <a:gd name="connsiteX7" fmla="*/ 0 w 12210495"/>
              <a:gd name="connsiteY7" fmla="*/ 311228 h 6911477"/>
              <a:gd name="connsiteX8" fmla="*/ 0 w 12210495"/>
              <a:gd name="connsiteY8" fmla="*/ 311228 h 6911477"/>
              <a:gd name="connsiteX0" fmla="*/ 0 w 12210495"/>
              <a:gd name="connsiteY0" fmla="*/ 311228 h 6930192"/>
              <a:gd name="connsiteX1" fmla="*/ 6023690 w 12210495"/>
              <a:gd name="connsiteY1" fmla="*/ 309 h 6930192"/>
              <a:gd name="connsiteX2" fmla="*/ 12032502 w 12210495"/>
              <a:gd name="connsiteY2" fmla="*/ 0 h 6930192"/>
              <a:gd name="connsiteX3" fmla="*/ 12198399 w 12210495"/>
              <a:gd name="connsiteY3" fmla="*/ 3265624 h 6930192"/>
              <a:gd name="connsiteX4" fmla="*/ 12197527 w 12210495"/>
              <a:gd name="connsiteY4" fmla="*/ 6553107 h 6930192"/>
              <a:gd name="connsiteX5" fmla="*/ 6265722 w 12210495"/>
              <a:gd name="connsiteY5" fmla="*/ 6858733 h 6930192"/>
              <a:gd name="connsiteX6" fmla="*/ 5020 w 12210495"/>
              <a:gd name="connsiteY6" fmla="*/ 6861347 h 6930192"/>
              <a:gd name="connsiteX7" fmla="*/ 0 w 12210495"/>
              <a:gd name="connsiteY7" fmla="*/ 311228 h 6930192"/>
              <a:gd name="connsiteX8" fmla="*/ 0 w 12210495"/>
              <a:gd name="connsiteY8" fmla="*/ 311228 h 6930192"/>
              <a:gd name="connsiteX0" fmla="*/ 0 w 12210495"/>
              <a:gd name="connsiteY0" fmla="*/ 311228 h 6930192"/>
              <a:gd name="connsiteX1" fmla="*/ 6023690 w 12210495"/>
              <a:gd name="connsiteY1" fmla="*/ 309 h 6930192"/>
              <a:gd name="connsiteX2" fmla="*/ 12032502 w 12210495"/>
              <a:gd name="connsiteY2" fmla="*/ 0 h 6930192"/>
              <a:gd name="connsiteX3" fmla="*/ 12198399 w 12210495"/>
              <a:gd name="connsiteY3" fmla="*/ 3265624 h 6930192"/>
              <a:gd name="connsiteX4" fmla="*/ 12197527 w 12210495"/>
              <a:gd name="connsiteY4" fmla="*/ 6553107 h 6930192"/>
              <a:gd name="connsiteX5" fmla="*/ 6265722 w 12210495"/>
              <a:gd name="connsiteY5" fmla="*/ 6858733 h 6930192"/>
              <a:gd name="connsiteX6" fmla="*/ 5020 w 12210495"/>
              <a:gd name="connsiteY6" fmla="*/ 6861347 h 6930192"/>
              <a:gd name="connsiteX7" fmla="*/ 0 w 12210495"/>
              <a:gd name="connsiteY7" fmla="*/ 311228 h 6930192"/>
              <a:gd name="connsiteX8" fmla="*/ 0 w 12210495"/>
              <a:gd name="connsiteY8" fmla="*/ 311228 h 6930192"/>
              <a:gd name="connsiteX0" fmla="*/ 0 w 12643392"/>
              <a:gd name="connsiteY0" fmla="*/ 311228 h 6930192"/>
              <a:gd name="connsiteX1" fmla="*/ 6023690 w 12643392"/>
              <a:gd name="connsiteY1" fmla="*/ 309 h 6930192"/>
              <a:gd name="connsiteX2" fmla="*/ 12032502 w 12643392"/>
              <a:gd name="connsiteY2" fmla="*/ 0 h 6930192"/>
              <a:gd name="connsiteX3" fmla="*/ 12198399 w 12643392"/>
              <a:gd name="connsiteY3" fmla="*/ 3265624 h 6930192"/>
              <a:gd name="connsiteX4" fmla="*/ 12197527 w 12643392"/>
              <a:gd name="connsiteY4" fmla="*/ 6553107 h 6930192"/>
              <a:gd name="connsiteX5" fmla="*/ 6265722 w 12643392"/>
              <a:gd name="connsiteY5" fmla="*/ 6858733 h 6930192"/>
              <a:gd name="connsiteX6" fmla="*/ 5020 w 12643392"/>
              <a:gd name="connsiteY6" fmla="*/ 6861347 h 6930192"/>
              <a:gd name="connsiteX7" fmla="*/ 0 w 12643392"/>
              <a:gd name="connsiteY7" fmla="*/ 311228 h 6930192"/>
              <a:gd name="connsiteX8" fmla="*/ 0 w 12643392"/>
              <a:gd name="connsiteY8" fmla="*/ 311228 h 6930192"/>
              <a:gd name="connsiteX0" fmla="*/ 0 w 12210495"/>
              <a:gd name="connsiteY0" fmla="*/ 311228 h 6930192"/>
              <a:gd name="connsiteX1" fmla="*/ 6023690 w 12210495"/>
              <a:gd name="connsiteY1" fmla="*/ 309 h 6930192"/>
              <a:gd name="connsiteX2" fmla="*/ 12032502 w 12210495"/>
              <a:gd name="connsiteY2" fmla="*/ 0 h 6930192"/>
              <a:gd name="connsiteX3" fmla="*/ 12198399 w 12210495"/>
              <a:gd name="connsiteY3" fmla="*/ 3265624 h 6930192"/>
              <a:gd name="connsiteX4" fmla="*/ 12197527 w 12210495"/>
              <a:gd name="connsiteY4" fmla="*/ 6553107 h 6930192"/>
              <a:gd name="connsiteX5" fmla="*/ 6265722 w 12210495"/>
              <a:gd name="connsiteY5" fmla="*/ 6858733 h 6930192"/>
              <a:gd name="connsiteX6" fmla="*/ 5020 w 12210495"/>
              <a:gd name="connsiteY6" fmla="*/ 6861347 h 6930192"/>
              <a:gd name="connsiteX7" fmla="*/ 0 w 12210495"/>
              <a:gd name="connsiteY7" fmla="*/ 311228 h 6930192"/>
              <a:gd name="connsiteX8" fmla="*/ 0 w 12210495"/>
              <a:gd name="connsiteY8" fmla="*/ 311228 h 6930192"/>
              <a:gd name="connsiteX0" fmla="*/ 0 w 12210495"/>
              <a:gd name="connsiteY0" fmla="*/ 311228 h 6861347"/>
              <a:gd name="connsiteX1" fmla="*/ 6023690 w 12210495"/>
              <a:gd name="connsiteY1" fmla="*/ 309 h 6861347"/>
              <a:gd name="connsiteX2" fmla="*/ 12032502 w 12210495"/>
              <a:gd name="connsiteY2" fmla="*/ 0 h 6861347"/>
              <a:gd name="connsiteX3" fmla="*/ 12198399 w 12210495"/>
              <a:gd name="connsiteY3" fmla="*/ 3265624 h 6861347"/>
              <a:gd name="connsiteX4" fmla="*/ 12197527 w 12210495"/>
              <a:gd name="connsiteY4" fmla="*/ 6553107 h 6861347"/>
              <a:gd name="connsiteX5" fmla="*/ 6265722 w 12210495"/>
              <a:gd name="connsiteY5" fmla="*/ 6858733 h 6861347"/>
              <a:gd name="connsiteX6" fmla="*/ 5020 w 12210495"/>
              <a:gd name="connsiteY6" fmla="*/ 6861347 h 6861347"/>
              <a:gd name="connsiteX7" fmla="*/ 0 w 12210495"/>
              <a:gd name="connsiteY7" fmla="*/ 311228 h 6861347"/>
              <a:gd name="connsiteX8" fmla="*/ 0 w 12210495"/>
              <a:gd name="connsiteY8" fmla="*/ 311228 h 6861347"/>
              <a:gd name="connsiteX0" fmla="*/ 0 w 12210495"/>
              <a:gd name="connsiteY0" fmla="*/ 311228 h 6861347"/>
              <a:gd name="connsiteX1" fmla="*/ 6023690 w 12210495"/>
              <a:gd name="connsiteY1" fmla="*/ 309 h 6861347"/>
              <a:gd name="connsiteX2" fmla="*/ 12032502 w 12210495"/>
              <a:gd name="connsiteY2" fmla="*/ 0 h 6861347"/>
              <a:gd name="connsiteX3" fmla="*/ 12198399 w 12210495"/>
              <a:gd name="connsiteY3" fmla="*/ 3265624 h 6861347"/>
              <a:gd name="connsiteX4" fmla="*/ 12197527 w 12210495"/>
              <a:gd name="connsiteY4" fmla="*/ 6553107 h 6861347"/>
              <a:gd name="connsiteX5" fmla="*/ 6265722 w 12210495"/>
              <a:gd name="connsiteY5" fmla="*/ 6858733 h 6861347"/>
              <a:gd name="connsiteX6" fmla="*/ 5020 w 12210495"/>
              <a:gd name="connsiteY6" fmla="*/ 6861347 h 6861347"/>
              <a:gd name="connsiteX7" fmla="*/ 0 w 12210495"/>
              <a:gd name="connsiteY7" fmla="*/ 311228 h 6861347"/>
              <a:gd name="connsiteX8" fmla="*/ 0 w 12210495"/>
              <a:gd name="connsiteY8" fmla="*/ 311228 h 6861347"/>
              <a:gd name="connsiteX0" fmla="*/ 0 w 12210495"/>
              <a:gd name="connsiteY0" fmla="*/ 311228 h 6861347"/>
              <a:gd name="connsiteX1" fmla="*/ 6023690 w 12210495"/>
              <a:gd name="connsiteY1" fmla="*/ 309 h 6861347"/>
              <a:gd name="connsiteX2" fmla="*/ 12032502 w 12210495"/>
              <a:gd name="connsiteY2" fmla="*/ 0 h 6861347"/>
              <a:gd name="connsiteX3" fmla="*/ 12198399 w 12210495"/>
              <a:gd name="connsiteY3" fmla="*/ 3265624 h 6861347"/>
              <a:gd name="connsiteX4" fmla="*/ 12197527 w 12210495"/>
              <a:gd name="connsiteY4" fmla="*/ 6553107 h 6861347"/>
              <a:gd name="connsiteX5" fmla="*/ 6265722 w 12210495"/>
              <a:gd name="connsiteY5" fmla="*/ 6858733 h 6861347"/>
              <a:gd name="connsiteX6" fmla="*/ 5020 w 12210495"/>
              <a:gd name="connsiteY6" fmla="*/ 6861347 h 6861347"/>
              <a:gd name="connsiteX7" fmla="*/ 0 w 12210495"/>
              <a:gd name="connsiteY7" fmla="*/ 311228 h 6861347"/>
              <a:gd name="connsiteX8" fmla="*/ 0 w 12210495"/>
              <a:gd name="connsiteY8" fmla="*/ 311228 h 6861347"/>
              <a:gd name="connsiteX0" fmla="*/ 0 w 12210495"/>
              <a:gd name="connsiteY0" fmla="*/ 311228 h 6861347"/>
              <a:gd name="connsiteX1" fmla="*/ 6023690 w 12210495"/>
              <a:gd name="connsiteY1" fmla="*/ 309 h 6861347"/>
              <a:gd name="connsiteX2" fmla="*/ 12032502 w 12210495"/>
              <a:gd name="connsiteY2" fmla="*/ 0 h 6861347"/>
              <a:gd name="connsiteX3" fmla="*/ 12198399 w 12210495"/>
              <a:gd name="connsiteY3" fmla="*/ 3265624 h 6861347"/>
              <a:gd name="connsiteX4" fmla="*/ 12197527 w 12210495"/>
              <a:gd name="connsiteY4" fmla="*/ 6553107 h 6861347"/>
              <a:gd name="connsiteX5" fmla="*/ 6265722 w 12210495"/>
              <a:gd name="connsiteY5" fmla="*/ 6858733 h 6861347"/>
              <a:gd name="connsiteX6" fmla="*/ 5020 w 12210495"/>
              <a:gd name="connsiteY6" fmla="*/ 6861347 h 6861347"/>
              <a:gd name="connsiteX7" fmla="*/ 0 w 12210495"/>
              <a:gd name="connsiteY7" fmla="*/ 311228 h 6861347"/>
              <a:gd name="connsiteX8" fmla="*/ 0 w 12210495"/>
              <a:gd name="connsiteY8" fmla="*/ 311228 h 6861347"/>
              <a:gd name="connsiteX0" fmla="*/ 461926 w 12672421"/>
              <a:gd name="connsiteY0" fmla="*/ 311228 h 6861347"/>
              <a:gd name="connsiteX1" fmla="*/ 6485616 w 12672421"/>
              <a:gd name="connsiteY1" fmla="*/ 309 h 6861347"/>
              <a:gd name="connsiteX2" fmla="*/ 12494428 w 12672421"/>
              <a:gd name="connsiteY2" fmla="*/ 0 h 6861347"/>
              <a:gd name="connsiteX3" fmla="*/ 12660325 w 12672421"/>
              <a:gd name="connsiteY3" fmla="*/ 3265624 h 6861347"/>
              <a:gd name="connsiteX4" fmla="*/ 12659453 w 12672421"/>
              <a:gd name="connsiteY4" fmla="*/ 6553107 h 6861347"/>
              <a:gd name="connsiteX5" fmla="*/ 6727648 w 12672421"/>
              <a:gd name="connsiteY5" fmla="*/ 6858733 h 6861347"/>
              <a:gd name="connsiteX6" fmla="*/ 466946 w 12672421"/>
              <a:gd name="connsiteY6" fmla="*/ 6861347 h 6861347"/>
              <a:gd name="connsiteX7" fmla="*/ 456854 w 12672421"/>
              <a:gd name="connsiteY7" fmla="*/ 3482213 h 6861347"/>
              <a:gd name="connsiteX8" fmla="*/ 461926 w 12672421"/>
              <a:gd name="connsiteY8" fmla="*/ 311228 h 6861347"/>
              <a:gd name="connsiteX9" fmla="*/ 461926 w 12672421"/>
              <a:gd name="connsiteY9" fmla="*/ 311228 h 6861347"/>
              <a:gd name="connsiteX0" fmla="*/ 461926 w 12672421"/>
              <a:gd name="connsiteY0" fmla="*/ 311228 h 6862155"/>
              <a:gd name="connsiteX1" fmla="*/ 6485616 w 12672421"/>
              <a:gd name="connsiteY1" fmla="*/ 309 h 6862155"/>
              <a:gd name="connsiteX2" fmla="*/ 12494428 w 12672421"/>
              <a:gd name="connsiteY2" fmla="*/ 0 h 6862155"/>
              <a:gd name="connsiteX3" fmla="*/ 12660325 w 12672421"/>
              <a:gd name="connsiteY3" fmla="*/ 3265624 h 6862155"/>
              <a:gd name="connsiteX4" fmla="*/ 12659453 w 12672421"/>
              <a:gd name="connsiteY4" fmla="*/ 6553107 h 6862155"/>
              <a:gd name="connsiteX5" fmla="*/ 6727648 w 12672421"/>
              <a:gd name="connsiteY5" fmla="*/ 6858733 h 6862155"/>
              <a:gd name="connsiteX6" fmla="*/ 633989 w 12672421"/>
              <a:gd name="connsiteY6" fmla="*/ 6862155 h 6862155"/>
              <a:gd name="connsiteX7" fmla="*/ 466946 w 12672421"/>
              <a:gd name="connsiteY7" fmla="*/ 6861347 h 6862155"/>
              <a:gd name="connsiteX8" fmla="*/ 456854 w 12672421"/>
              <a:gd name="connsiteY8" fmla="*/ 3482213 h 6862155"/>
              <a:gd name="connsiteX9" fmla="*/ 461926 w 12672421"/>
              <a:gd name="connsiteY9" fmla="*/ 311228 h 6862155"/>
              <a:gd name="connsiteX10" fmla="*/ 461926 w 12672421"/>
              <a:gd name="connsiteY10" fmla="*/ 311228 h 6862155"/>
              <a:gd name="connsiteX0" fmla="*/ 5166 w 12215661"/>
              <a:gd name="connsiteY0" fmla="*/ 311228 h 6862155"/>
              <a:gd name="connsiteX1" fmla="*/ 6028856 w 12215661"/>
              <a:gd name="connsiteY1" fmla="*/ 309 h 6862155"/>
              <a:gd name="connsiteX2" fmla="*/ 12037668 w 12215661"/>
              <a:gd name="connsiteY2" fmla="*/ 0 h 6862155"/>
              <a:gd name="connsiteX3" fmla="*/ 12203565 w 12215661"/>
              <a:gd name="connsiteY3" fmla="*/ 3265624 h 6862155"/>
              <a:gd name="connsiteX4" fmla="*/ 12202693 w 12215661"/>
              <a:gd name="connsiteY4" fmla="*/ 6553107 h 6862155"/>
              <a:gd name="connsiteX5" fmla="*/ 6270888 w 12215661"/>
              <a:gd name="connsiteY5" fmla="*/ 6858733 h 6862155"/>
              <a:gd name="connsiteX6" fmla="*/ 177229 w 12215661"/>
              <a:gd name="connsiteY6" fmla="*/ 6862155 h 6862155"/>
              <a:gd name="connsiteX7" fmla="*/ 94 w 12215661"/>
              <a:gd name="connsiteY7" fmla="*/ 3482213 h 6862155"/>
              <a:gd name="connsiteX8" fmla="*/ 5166 w 12215661"/>
              <a:gd name="connsiteY8" fmla="*/ 311228 h 6862155"/>
              <a:gd name="connsiteX9" fmla="*/ 5166 w 12215661"/>
              <a:gd name="connsiteY9" fmla="*/ 311228 h 68621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215661" h="6862155">
                <a:moveTo>
                  <a:pt x="5166" y="311228"/>
                </a:moveTo>
                <a:lnTo>
                  <a:pt x="6028856" y="309"/>
                </a:lnTo>
                <a:lnTo>
                  <a:pt x="12037668" y="0"/>
                </a:lnTo>
                <a:lnTo>
                  <a:pt x="12203565" y="3265624"/>
                </a:lnTo>
                <a:cubicBezTo>
                  <a:pt x="12231069" y="4357809"/>
                  <a:pt x="12203129" y="4909365"/>
                  <a:pt x="12202693" y="6553107"/>
                </a:cubicBezTo>
                <a:lnTo>
                  <a:pt x="6270888" y="6858733"/>
                </a:lnTo>
                <a:lnTo>
                  <a:pt x="177229" y="6862155"/>
                </a:lnTo>
                <a:lnTo>
                  <a:pt x="94" y="3482213"/>
                </a:lnTo>
                <a:cubicBezTo>
                  <a:pt x="-743" y="2390527"/>
                  <a:pt x="4321" y="839725"/>
                  <a:pt x="5166" y="311228"/>
                </a:cubicBezTo>
                <a:lnTo>
                  <a:pt x="5166" y="311228"/>
                </a:lnTo>
                <a:close/>
              </a:path>
            </a:pathLst>
          </a:cu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0000" bIns="90000" rtlCol="0" anchor="t" anchorCtr="0"/>
          <a:lstStyle/>
          <a:p>
            <a:pPr algn="l"/>
            <a:endParaRPr lang="en-GB" sz="1600" b="0" err="1">
              <a:solidFill>
                <a:schemeClr val="bg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814642C-660A-4F02-A36E-FA7974323FB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58813" y="1783600"/>
            <a:ext cx="8244000" cy="1342841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100" cap="all" baseline="0">
                <a:solidFill>
                  <a:schemeClr val="bg1"/>
                </a:solidFill>
              </a:defRPr>
            </a:lvl1pPr>
          </a:lstStyle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br>
              <a:rPr lang="en-US"/>
            </a:br>
            <a:r>
              <a:rPr lang="en-US" err="1"/>
              <a:t>forside</a:t>
            </a:r>
            <a:r>
              <a:rPr lang="en-US"/>
              <a:t> </a:t>
            </a:r>
            <a:r>
              <a:rPr lang="en-US" err="1"/>
              <a:t>titel</a:t>
            </a:r>
            <a:br>
              <a:rPr lang="en-US"/>
            </a:br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C4786A4-E7ED-49F1-B1EE-E8276E2DE55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3" y="3392503"/>
            <a:ext cx="4837112" cy="6223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tekst</a:t>
            </a:r>
          </a:p>
        </p:txBody>
      </p:sp>
      <p:pic>
        <p:nvPicPr>
          <p:cNvPr id="21" name="Graphic 20">
            <a:extLst>
              <a:ext uri="{FF2B5EF4-FFF2-40B4-BE49-F238E27FC236}">
                <a16:creationId xmlns:a16="http://schemas.microsoft.com/office/drawing/2014/main" id="{9B2375D7-9E52-4479-81D5-1961E7D1AEB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80013" y="5306955"/>
            <a:ext cx="1422998" cy="1044000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AEB36786-1AAC-AC34-D3A1-8907E34DB5F7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72261" y="354025"/>
            <a:ext cx="885600" cy="380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86486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" userDrawn="1">
          <p15:clr>
            <a:srgbClr val="A4A3A4"/>
          </p15:clr>
        </p15:guide>
        <p15:guide id="2" orient="horz" pos="2727" userDrawn="1">
          <p15:clr>
            <a:srgbClr val="A4A3A4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096F3E20-0293-C58B-F0A2-E051818DD2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097756" y="6522575"/>
            <a:ext cx="4114800" cy="144000"/>
          </a:xfrm>
        </p:spPr>
        <p:txBody>
          <a:bodyPr/>
          <a:lstStyle/>
          <a:p>
            <a:r>
              <a:rPr lang="en-GB"/>
              <a:t>Præsentations titel</a:t>
            </a:r>
          </a:p>
        </p:txBody>
      </p:sp>
      <p:sp>
        <p:nvSpPr>
          <p:cNvPr id="16" name="Text Placeholder 7">
            <a:extLst>
              <a:ext uri="{FF2B5EF4-FFF2-40B4-BE49-F238E27FC236}">
                <a16:creationId xmlns:a16="http://schemas.microsoft.com/office/drawing/2014/main" id="{393E73C8-A609-4404-9ED1-CF6F6D1B49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 rot="-180000">
            <a:off x="454893" y="618228"/>
            <a:ext cx="2151428" cy="696116"/>
          </a:xfrm>
          <a:solidFill>
            <a:schemeClr val="accent2"/>
          </a:solidFill>
        </p:spPr>
        <p:txBody>
          <a:bodyPr/>
          <a:lstStyle>
            <a:lvl1pPr marL="0" indent="0">
              <a:buFontTx/>
              <a:buNone/>
              <a:defRPr sz="100">
                <a:solidFill>
                  <a:schemeClr val="accent2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BE011BE-79A2-4903-8D56-803EE2D8E31C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305425" y="708226"/>
            <a:ext cx="5748295" cy="5600500"/>
          </a:xfrm>
        </p:spPr>
        <p:txBody>
          <a:bodyPr/>
          <a:lstStyle>
            <a:lvl1pPr marL="288000" indent="-288000">
              <a:spcBef>
                <a:spcPts val="2400"/>
              </a:spcBef>
              <a:buSzPct val="100000"/>
              <a:buFont typeface="+mj-lt"/>
              <a:buAutoNum type="arabicPeriod"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721EB87-EB20-4EB3-BDE8-5E7FE9E12FE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4D494EA-1A5C-42A6-9749-26726B2EAA3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‹nr.›</a:t>
            </a:fld>
            <a:endParaRPr lang="en-GB"/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5B792F27-7012-4CF5-A2F0-06BBF0B3BA7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75008" y="638292"/>
            <a:ext cx="1932448" cy="611864"/>
          </a:xfrm>
          <a:noFill/>
        </p:spPr>
        <p:txBody>
          <a:bodyPr>
            <a:noAutofit/>
          </a:bodyPr>
          <a:lstStyle>
            <a:lvl1pPr marL="0" indent="0">
              <a:buFontTx/>
              <a:buNone/>
              <a:defRPr sz="41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/>
              <a:t>Agenda</a:t>
            </a:r>
            <a:endParaRPr lang="en-GB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1B6994E9-37F3-CE81-D919-E5835FFAB70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97256" y="2951998"/>
            <a:ext cx="4536000" cy="39060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696032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39" userDrawn="1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5BD541F7-508C-CB52-DA36-BF451872266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1792" y="6553827"/>
            <a:ext cx="486000" cy="75600"/>
          </a:xfrm>
          <a:blipFill>
            <a:blip r:embed="rId2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2C94F96F-A055-B2CA-AF2E-CAFBF2B5D82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097756" y="6522575"/>
            <a:ext cx="4114800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æsentations titel</a:t>
            </a:r>
          </a:p>
        </p:txBody>
      </p:sp>
      <p:sp>
        <p:nvSpPr>
          <p:cNvPr id="16" name="Text Placeholder 7">
            <a:extLst>
              <a:ext uri="{FF2B5EF4-FFF2-40B4-BE49-F238E27FC236}">
                <a16:creationId xmlns:a16="http://schemas.microsoft.com/office/drawing/2014/main" id="{393E73C8-A609-4404-9ED1-CF6F6D1B49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 rot="-180000">
            <a:off x="454893" y="618228"/>
            <a:ext cx="2151428" cy="696116"/>
          </a:xfrm>
          <a:solidFill>
            <a:schemeClr val="accent2"/>
          </a:solidFill>
        </p:spPr>
        <p:txBody>
          <a:bodyPr/>
          <a:lstStyle>
            <a:lvl1pPr marL="0" indent="0">
              <a:buFontTx/>
              <a:buNone/>
              <a:defRPr sz="100">
                <a:solidFill>
                  <a:schemeClr val="accent2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BE011BE-79A2-4903-8D56-803EE2D8E31C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305425" y="708226"/>
            <a:ext cx="5748295" cy="5600500"/>
          </a:xfrm>
        </p:spPr>
        <p:txBody>
          <a:bodyPr/>
          <a:lstStyle>
            <a:lvl1pPr marL="288000" indent="-288000">
              <a:spcBef>
                <a:spcPts val="2400"/>
              </a:spcBef>
              <a:buSzPct val="100000"/>
              <a:buFont typeface="+mj-lt"/>
              <a:buAutoNum type="arabicPeriod"/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da-DK"/>
              <a:t>Klik for at redigere teks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721EB87-EB20-4EB3-BDE8-5E7FE9E12FE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4D494EA-1A5C-42A6-9749-26726B2EAA3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23C0BB7-6BAB-41B9-B847-BE177CEDBC97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5B792F27-7012-4CF5-A2F0-06BBF0B3BA7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75008" y="638292"/>
            <a:ext cx="1932448" cy="611864"/>
          </a:xfrm>
          <a:noFill/>
        </p:spPr>
        <p:txBody>
          <a:bodyPr>
            <a:noAutofit/>
          </a:bodyPr>
          <a:lstStyle>
            <a:lvl1pPr marL="0" indent="0">
              <a:buFontTx/>
              <a:buNone/>
              <a:defRPr sz="41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/>
              <a:t>Agenda</a:t>
            </a:r>
            <a:endParaRPr lang="en-GB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1B6994E9-37F3-CE81-D919-E5835FFAB70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97256" y="2951998"/>
            <a:ext cx="4536000" cy="3906000"/>
          </a:xfrm>
          <a:blipFill>
            <a:blip r:embed="rId3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solidFill>
                  <a:schemeClr val="accent1">
                    <a:alpha val="0"/>
                  </a:schemeClr>
                </a:solidFill>
              </a:defRPr>
            </a:lvl1pPr>
          </a:lstStyle>
          <a:p>
            <a:pPr lvl="0"/>
            <a:r>
              <a:rPr lang="en-US"/>
              <a:t>x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7568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39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en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B93DF6B-EAA3-4C9B-A191-44B9CFE13C1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BE011BE-79A2-4903-8D56-803EE2D8E31C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42913" y="1808163"/>
            <a:ext cx="11306175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721EB87-EB20-4EB3-BDE8-5E7FE9E12FE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8B7629-E602-44C5-930E-177769F0B0E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err="1"/>
              <a:t>Præsentations</a:t>
            </a:r>
            <a:r>
              <a:rPr lang="en-GB"/>
              <a:t> </a:t>
            </a:r>
            <a:r>
              <a:rPr lang="en-GB" err="1"/>
              <a:t>titel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4D494EA-1A5C-42A6-9749-26726B2EAA3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115610-0707-FBC9-AA86-5A32090B3D4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42913" y="6211893"/>
            <a:ext cx="11306175" cy="126000"/>
          </a:xfrm>
        </p:spPr>
        <p:txBody>
          <a:bodyPr anchor="b" anchorCtr="0"/>
          <a:lstStyle>
            <a:lvl1pPr marL="0" indent="0">
              <a:buNone/>
              <a:defRPr sz="7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/>
            <a:r>
              <a:rPr lang="en-US" err="1"/>
              <a:t>Indsæt</a:t>
            </a:r>
            <a:r>
              <a:rPr lang="en-US"/>
              <a:t> Note: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702160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39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to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A19B23-8D94-4C07-BD0B-ACE2E138BE3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49356" y="1825625"/>
            <a:ext cx="5362552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371CEDF-C080-4089-B677-FFBC21DDCE01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71908" y="1825625"/>
            <a:ext cx="5577180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Præsentations tit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E836C54-A88E-BE6F-350E-1D4BCBE8F59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42913" y="6211893"/>
            <a:ext cx="11306175" cy="126000"/>
          </a:xfrm>
        </p:spPr>
        <p:txBody>
          <a:bodyPr anchor="b" anchorCtr="0"/>
          <a:lstStyle>
            <a:lvl1pPr marL="0" indent="0">
              <a:buNone/>
              <a:defRPr sz="7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/>
            <a:r>
              <a:rPr lang="en-US" err="1"/>
              <a:t>Indsæt</a:t>
            </a:r>
            <a:r>
              <a:rPr lang="en-US"/>
              <a:t> Note: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996235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59" userDrawn="1">
          <p15:clr>
            <a:srgbClr val="A4A3A4"/>
          </p15:clr>
        </p15:guide>
        <p15:guide id="2" pos="3885" userDrawn="1">
          <p15:clr>
            <a:srgbClr val="A4A3A4"/>
          </p15:clr>
        </p15:guide>
        <p15:guide id="3" orient="horz" pos="1139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1EE1D-6B8B-4C06-BF97-E40D7D3541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A19B23-8D94-4C07-BD0B-ACE2E138BE3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49356" y="1825625"/>
            <a:ext cx="3526577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371CEDF-C080-4089-B677-FFBC21DDCE01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35933" y="1825625"/>
            <a:ext cx="3526577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2E4233-9391-4AD9-89C5-00B2492E3A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865625-CEFE-4D5B-99E8-2F2FAC5654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Præsentations tit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5DAF2-1219-4A36-A2E1-E984A24312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‹nr.›</a:t>
            </a:fld>
            <a:endParaRPr lang="en-GB"/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71CC9945-3DB5-4F5F-9CB1-2FB8C9CD96B1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16069" y="1825625"/>
            <a:ext cx="3526575" cy="4320000"/>
          </a:xfrm>
        </p:spPr>
        <p:txBody>
          <a:bodyPr/>
          <a:lstStyle/>
          <a:p>
            <a:pPr lvl="0"/>
            <a:r>
              <a:rPr lang="da-DK"/>
              <a:t>Klik for at redigere tekst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A1B871C0-D018-D78D-FECE-0DEBF41D349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42913" y="6211893"/>
            <a:ext cx="11306175" cy="126000"/>
          </a:xfrm>
        </p:spPr>
        <p:txBody>
          <a:bodyPr anchor="b" anchorCtr="0"/>
          <a:lstStyle>
            <a:lvl1pPr marL="0" indent="0">
              <a:buNone/>
              <a:defRPr sz="7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/>
            <a:r>
              <a:rPr lang="en-US" err="1"/>
              <a:t>Indsæt</a:t>
            </a:r>
            <a:r>
              <a:rPr lang="en-US"/>
              <a:t> Note: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679482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02" userDrawn="1">
          <p15:clr>
            <a:srgbClr val="A4A3A4"/>
          </p15:clr>
        </p15:guide>
        <p15:guide id="2" pos="2729" userDrawn="1">
          <p15:clr>
            <a:srgbClr val="A4A3A4"/>
          </p15:clr>
        </p15:guide>
        <p15:guide id="3" pos="4951" userDrawn="1">
          <p15:clr>
            <a:srgbClr val="A4A3A4"/>
          </p15:clr>
        </p15:guide>
        <p15:guide id="4" pos="5178" userDrawn="1">
          <p15:clr>
            <a:srgbClr val="A4A3A4"/>
          </p15:clr>
        </p15:guide>
        <p15:guide id="5" orient="horz" pos="1139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62FB2E1-5964-4F03-BEE8-7CBCC7FCBE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914" y="441326"/>
            <a:ext cx="9144000" cy="11529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err="1"/>
              <a:t>Klik</a:t>
            </a:r>
            <a:r>
              <a:rPr lang="en-US"/>
              <a:t> for at </a:t>
            </a:r>
            <a:r>
              <a:rPr lang="en-US" err="1"/>
              <a:t>redigere</a:t>
            </a:r>
            <a:r>
              <a:rPr lang="en-US"/>
              <a:t> </a:t>
            </a:r>
            <a:r>
              <a:rPr lang="en-US" err="1"/>
              <a:t>titel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FFE28DD-84FC-40AD-89FD-5F519568591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42913" y="1808163"/>
            <a:ext cx="11306175" cy="450056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Klik for at redigere tekst</a:t>
            </a:r>
          </a:p>
          <a:p>
            <a:pPr lvl="1"/>
            <a:r>
              <a:rPr lang="en-US" err="1"/>
              <a:t>Andet</a:t>
            </a:r>
            <a:r>
              <a:rPr lang="en-US"/>
              <a:t> </a:t>
            </a:r>
            <a:r>
              <a:rPr lang="en-US" err="1"/>
              <a:t>niveau</a:t>
            </a:r>
            <a:endParaRPr lang="en-US"/>
          </a:p>
          <a:p>
            <a:pPr lvl="2"/>
            <a:r>
              <a:rPr lang="en-US" err="1"/>
              <a:t>Tredie</a:t>
            </a:r>
            <a:r>
              <a:rPr lang="en-US"/>
              <a:t> </a:t>
            </a:r>
            <a:r>
              <a:rPr lang="en-US" err="1"/>
              <a:t>niveau</a:t>
            </a:r>
            <a:endParaRPr lang="en-US"/>
          </a:p>
          <a:p>
            <a:pPr lvl="3"/>
            <a:r>
              <a:rPr lang="en-US" err="1"/>
              <a:t>Fjerde</a:t>
            </a:r>
            <a:r>
              <a:rPr lang="en-US"/>
              <a:t> </a:t>
            </a:r>
            <a:r>
              <a:rPr lang="en-US" err="1"/>
              <a:t>niveau</a:t>
            </a:r>
            <a:endParaRPr lang="en-US"/>
          </a:p>
          <a:p>
            <a:pPr lvl="4"/>
            <a:r>
              <a:rPr lang="en-US" err="1"/>
              <a:t>Femte</a:t>
            </a:r>
            <a:r>
              <a:rPr lang="en-US"/>
              <a:t> </a:t>
            </a:r>
            <a:r>
              <a:rPr lang="en-US" err="1"/>
              <a:t>niveau</a:t>
            </a:r>
            <a:endParaRPr lang="en-US"/>
          </a:p>
          <a:p>
            <a:pPr lvl="5"/>
            <a:r>
              <a:rPr lang="en-US" err="1"/>
              <a:t>Sjette</a:t>
            </a:r>
            <a:endParaRPr lang="en-US"/>
          </a:p>
          <a:p>
            <a:pPr lvl="6"/>
            <a:r>
              <a:rPr lang="en-US"/>
              <a:t>SYVEND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44BED4E-DC9F-4A0E-B240-ADC244C71E76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556812" y="6522575"/>
            <a:ext cx="2743200" cy="144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chemeClr val="accent2"/>
                </a:solidFill>
              </a:defRPr>
            </a:lvl1pPr>
          </a:lstStyle>
          <a:p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13C9319-CFE7-412D-A9F6-A48F28C77EC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097756" y="6522575"/>
            <a:ext cx="4114800" cy="144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700">
                <a:solidFill>
                  <a:schemeClr val="accent2"/>
                </a:solidFill>
              </a:defRPr>
            </a:lvl1pPr>
          </a:lstStyle>
          <a:p>
            <a:r>
              <a:rPr lang="en-US" err="1"/>
              <a:t>Præsentations</a:t>
            </a:r>
            <a:r>
              <a:rPr lang="en-US"/>
              <a:t> titel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76D594A-2A74-4054-A214-EDF0292EC91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89088" y="6522575"/>
            <a:ext cx="360000" cy="144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chemeClr val="accent2"/>
                </a:solidFill>
              </a:defRPr>
            </a:lvl1pPr>
          </a:lstStyle>
          <a:p>
            <a:fld id="{A23C0BB7-6BAB-41B9-B847-BE177CEDBC97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B6D2537-C303-4988-B742-2DFA79DD5D41}"/>
              </a:ext>
            </a:extLst>
          </p:cNvPr>
          <p:cNvSpPr txBox="1"/>
          <p:nvPr userDrawn="1"/>
        </p:nvSpPr>
        <p:spPr>
          <a:xfrm>
            <a:off x="442913" y="6540714"/>
            <a:ext cx="654843" cy="107722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spAutoFit/>
          </a:bodyPr>
          <a:lstStyle/>
          <a:p>
            <a:r>
              <a:rPr lang="en-US" sz="700" baseline="0" err="1">
                <a:solidFill>
                  <a:schemeClr val="accent2"/>
                </a:solidFill>
              </a:rPr>
              <a:t>Børns</a:t>
            </a:r>
            <a:r>
              <a:rPr lang="en-US" sz="700" baseline="0">
                <a:solidFill>
                  <a:schemeClr val="accent2"/>
                </a:solidFill>
              </a:rPr>
              <a:t> </a:t>
            </a:r>
            <a:r>
              <a:rPr lang="en-US" sz="700" baseline="0" err="1">
                <a:solidFill>
                  <a:schemeClr val="accent2"/>
                </a:solidFill>
              </a:rPr>
              <a:t>Vilkår</a:t>
            </a:r>
            <a:endParaRPr lang="en-GB" sz="700" baseline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94919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5" r:id="rId2"/>
    <p:sldLayoutId id="2147483671" r:id="rId3"/>
    <p:sldLayoutId id="2147483693" r:id="rId4"/>
    <p:sldLayoutId id="2147483670" r:id="rId5"/>
    <p:sldLayoutId id="2147483682" r:id="rId6"/>
    <p:sldLayoutId id="2147483650" r:id="rId7"/>
    <p:sldLayoutId id="2147483652" r:id="rId8"/>
    <p:sldLayoutId id="2147483658" r:id="rId9"/>
    <p:sldLayoutId id="2147483662" r:id="rId10"/>
    <p:sldLayoutId id="2147483677" r:id="rId11"/>
    <p:sldLayoutId id="2147483664" r:id="rId12"/>
    <p:sldLayoutId id="2147483665" r:id="rId13"/>
    <p:sldLayoutId id="2147483678" r:id="rId14"/>
    <p:sldLayoutId id="2147483666" r:id="rId15"/>
    <p:sldLayoutId id="2147483667" r:id="rId16"/>
    <p:sldLayoutId id="2147483683" r:id="rId17"/>
    <p:sldLayoutId id="2147483669" r:id="rId18"/>
    <p:sldLayoutId id="2147483679" r:id="rId19"/>
    <p:sldLayoutId id="2147483690" r:id="rId20"/>
    <p:sldLayoutId id="2147483692" r:id="rId21"/>
    <p:sldLayoutId id="2147483691" r:id="rId22"/>
    <p:sldLayoutId id="2147483680" r:id="rId23"/>
    <p:sldLayoutId id="2147483687" r:id="rId24"/>
    <p:sldLayoutId id="2147483688" r:id="rId25"/>
    <p:sldLayoutId id="2147483681" r:id="rId26"/>
    <p:sldLayoutId id="2147483689" r:id="rId27"/>
    <p:sldLayoutId id="2147483672" r:id="rId28"/>
    <p:sldLayoutId id="2147483674" r:id="rId29"/>
    <p:sldLayoutId id="2147483698" r:id="rId30"/>
    <p:sldLayoutId id="2147483694" r:id="rId31"/>
    <p:sldLayoutId id="2147483696" r:id="rId32"/>
    <p:sldLayoutId id="2147483695" r:id="rId33"/>
    <p:sldLayoutId id="2147483697" r:id="rId34"/>
    <p:sldLayoutId id="2147483699" r:id="rId35"/>
  </p:sldLayoutIdLst>
  <p:hf hdr="0" ftr="0" dt="0"/>
  <p:txStyles>
    <p:titleStyle>
      <a:lvl1pPr algn="l" defTabSz="914400" rtl="0" eaLnBrk="1" latinLnBrk="0" hangingPunct="1">
        <a:lnSpc>
          <a:spcPct val="110000"/>
        </a:lnSpc>
        <a:spcBef>
          <a:spcPct val="0"/>
        </a:spcBef>
        <a:buNone/>
        <a:defRPr sz="3300" b="1" kern="1200" spc="1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10000"/>
        </a:lnSpc>
        <a:spcBef>
          <a:spcPts val="1200"/>
        </a:spcBef>
        <a:buSzPct val="80000"/>
        <a:buFont typeface="Arial" panose="020B0604020202020204" pitchFamily="34" charset="0"/>
        <a:buChar char="•"/>
        <a:defRPr sz="1600" kern="1200">
          <a:solidFill>
            <a:schemeClr val="accent2"/>
          </a:solidFill>
          <a:latin typeface="+mn-lt"/>
          <a:ea typeface="+mn-ea"/>
          <a:cs typeface="+mn-cs"/>
        </a:defRPr>
      </a:lvl1pPr>
      <a:lvl2pPr marL="288000" indent="-144000" algn="l" defTabSz="914400" rtl="0" eaLnBrk="1" latinLnBrk="0" hangingPunct="1">
        <a:lnSpc>
          <a:spcPct val="110000"/>
        </a:lnSpc>
        <a:spcBef>
          <a:spcPts val="1200"/>
        </a:spcBef>
        <a:buSzPct val="80000"/>
        <a:buFont typeface="Arial" panose="020B0604020202020204" pitchFamily="34" charset="0"/>
        <a:buChar char="•"/>
        <a:defRPr sz="1600" kern="1200">
          <a:solidFill>
            <a:schemeClr val="accent2"/>
          </a:solidFill>
          <a:latin typeface="+mn-lt"/>
          <a:ea typeface="+mn-ea"/>
          <a:cs typeface="+mn-cs"/>
        </a:defRPr>
      </a:lvl2pPr>
      <a:lvl3pPr marL="432000" indent="-144000" algn="l" defTabSz="914400" rtl="0" eaLnBrk="1" latinLnBrk="0" hangingPunct="1">
        <a:lnSpc>
          <a:spcPct val="110000"/>
        </a:lnSpc>
        <a:spcBef>
          <a:spcPts val="1200"/>
        </a:spcBef>
        <a:buSzPct val="80000"/>
        <a:buFont typeface="Arial" panose="020B0604020202020204" pitchFamily="34" charset="0"/>
        <a:buChar char="•"/>
        <a:defRPr sz="1600" kern="1200">
          <a:solidFill>
            <a:schemeClr val="accent2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1200"/>
        </a:spcBef>
        <a:buSzPct val="80000"/>
        <a:buFontTx/>
        <a:buNone/>
        <a:defRPr sz="1600" kern="1200">
          <a:solidFill>
            <a:schemeClr val="accent2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600"/>
        </a:spcBef>
        <a:buSzPct val="80000"/>
        <a:buFontTx/>
        <a:buNone/>
        <a:defRPr sz="1100" kern="1200">
          <a:solidFill>
            <a:schemeClr val="accent2"/>
          </a:solidFill>
          <a:latin typeface="+mn-lt"/>
          <a:ea typeface="+mn-ea"/>
          <a:cs typeface="+mn-cs"/>
        </a:defRPr>
      </a:lvl5pPr>
      <a:lvl6pPr marL="108000" indent="-108000" algn="l" defTabSz="914400" rtl="0" eaLnBrk="1" latinLnBrk="0" hangingPunct="1">
        <a:lnSpc>
          <a:spcPct val="110000"/>
        </a:lnSpc>
        <a:spcBef>
          <a:spcPts val="600"/>
        </a:spcBef>
        <a:buSzPct val="80000"/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buFontTx/>
        <a:buNone/>
        <a:defRPr sz="4100" b="1" kern="1200" cap="all" baseline="0">
          <a:solidFill>
            <a:schemeClr val="tx1"/>
          </a:solidFill>
          <a:latin typeface="+mj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78" userDrawn="1">
          <p15:clr>
            <a:srgbClr val="A4A3A4"/>
          </p15:clr>
        </p15:guide>
        <p15:guide id="3" pos="279" userDrawn="1">
          <p15:clr>
            <a:srgbClr val="A4A3A4"/>
          </p15:clr>
        </p15:guide>
        <p15:guide id="4" pos="7401" userDrawn="1">
          <p15:clr>
            <a:srgbClr val="A4A3A4"/>
          </p15:clr>
        </p15:guide>
        <p15:guide id="5" orient="horz" pos="3974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33.jpeg"/><Relationship Id="rId4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video" Target="https://www.youtube.com/embed/pGaAH4Kfues?feature=oembed" TargetMode="Externa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5" Type="http://schemas.openxmlformats.org/officeDocument/2006/relationships/image" Target="../media/image34.jpeg"/><Relationship Id="rId4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1.xml"/><Relationship Id="rId4" Type="http://schemas.openxmlformats.org/officeDocument/2006/relationships/image" Target="../media/image36.sv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svg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jpeg"/><Relationship Id="rId1" Type="http://schemas.openxmlformats.org/officeDocument/2006/relationships/slideLayout" Target="../slideLayouts/slideLayout18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46.png"/><Relationship Id="rId3" Type="http://schemas.openxmlformats.org/officeDocument/2006/relationships/image" Target="../media/image41.png"/><Relationship Id="rId7" Type="http://schemas.openxmlformats.org/officeDocument/2006/relationships/image" Target="../media/image45.pn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25.xml"/><Relationship Id="rId6" Type="http://schemas.openxmlformats.org/officeDocument/2006/relationships/image" Target="../media/image44.png"/><Relationship Id="rId11" Type="http://schemas.openxmlformats.org/officeDocument/2006/relationships/image" Target="../media/image49.png"/><Relationship Id="rId5" Type="http://schemas.openxmlformats.org/officeDocument/2006/relationships/image" Target="../media/image43.png"/><Relationship Id="rId10" Type="http://schemas.openxmlformats.org/officeDocument/2006/relationships/image" Target="../media/image48.png"/><Relationship Id="rId4" Type="http://schemas.openxmlformats.org/officeDocument/2006/relationships/image" Target="../media/image42.png"/><Relationship Id="rId9" Type="http://schemas.openxmlformats.org/officeDocument/2006/relationships/image" Target="../media/image4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53.bin"/><Relationship Id="rId5" Type="http://schemas.openxmlformats.org/officeDocument/2006/relationships/image" Target="../media/image52.png"/><Relationship Id="rId4" Type="http://schemas.openxmlformats.org/officeDocument/2006/relationships/image" Target="../media/image5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5.png"/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5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67610D2C-DFF2-6D01-08B4-B94D21DEB921}"/>
              </a:ext>
            </a:extLst>
          </p:cNvPr>
          <p:cNvSpPr/>
          <p:nvPr/>
        </p:nvSpPr>
        <p:spPr>
          <a:xfrm rot="21424834">
            <a:off x="2654835" y="4916559"/>
            <a:ext cx="4589462" cy="653415"/>
          </a:xfrm>
          <a:custGeom>
            <a:avLst/>
            <a:gdLst>
              <a:gd name="connsiteX0" fmla="*/ 0 w 4589462"/>
              <a:gd name="connsiteY0" fmla="*/ 0 h 653415"/>
              <a:gd name="connsiteX1" fmla="*/ 609743 w 4589462"/>
              <a:gd name="connsiteY1" fmla="*/ 0 h 653415"/>
              <a:gd name="connsiteX2" fmla="*/ 1127696 w 4589462"/>
              <a:gd name="connsiteY2" fmla="*/ 0 h 653415"/>
              <a:gd name="connsiteX3" fmla="*/ 1691545 w 4589462"/>
              <a:gd name="connsiteY3" fmla="*/ 0 h 653415"/>
              <a:gd name="connsiteX4" fmla="*/ 2393077 w 4589462"/>
              <a:gd name="connsiteY4" fmla="*/ 0 h 653415"/>
              <a:gd name="connsiteX5" fmla="*/ 3002819 w 4589462"/>
              <a:gd name="connsiteY5" fmla="*/ 0 h 653415"/>
              <a:gd name="connsiteX6" fmla="*/ 3566668 w 4589462"/>
              <a:gd name="connsiteY6" fmla="*/ 0 h 653415"/>
              <a:gd name="connsiteX7" fmla="*/ 4589462 w 4589462"/>
              <a:gd name="connsiteY7" fmla="*/ 0 h 653415"/>
              <a:gd name="connsiteX8" fmla="*/ 4589462 w 4589462"/>
              <a:gd name="connsiteY8" fmla="*/ 653415 h 653415"/>
              <a:gd name="connsiteX9" fmla="*/ 3933825 w 4589462"/>
              <a:gd name="connsiteY9" fmla="*/ 653415 h 653415"/>
              <a:gd name="connsiteX10" fmla="*/ 3369976 w 4589462"/>
              <a:gd name="connsiteY10" fmla="*/ 653415 h 653415"/>
              <a:gd name="connsiteX11" fmla="*/ 2622550 w 4589462"/>
              <a:gd name="connsiteY11" fmla="*/ 653415 h 653415"/>
              <a:gd name="connsiteX12" fmla="*/ 2012807 w 4589462"/>
              <a:gd name="connsiteY12" fmla="*/ 653415 h 653415"/>
              <a:gd name="connsiteX13" fmla="*/ 1494853 w 4589462"/>
              <a:gd name="connsiteY13" fmla="*/ 653415 h 653415"/>
              <a:gd name="connsiteX14" fmla="*/ 793321 w 4589462"/>
              <a:gd name="connsiteY14" fmla="*/ 653415 h 653415"/>
              <a:gd name="connsiteX15" fmla="*/ 0 w 4589462"/>
              <a:gd name="connsiteY15" fmla="*/ 653415 h 653415"/>
              <a:gd name="connsiteX16" fmla="*/ 0 w 4589462"/>
              <a:gd name="connsiteY16" fmla="*/ 0 h 6534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4589462" h="653415" fill="none" extrusionOk="0">
                <a:moveTo>
                  <a:pt x="0" y="0"/>
                </a:moveTo>
                <a:cubicBezTo>
                  <a:pt x="193905" y="-17658"/>
                  <a:pt x="330606" y="-7603"/>
                  <a:pt x="609743" y="0"/>
                </a:cubicBezTo>
                <a:cubicBezTo>
                  <a:pt x="888880" y="7603"/>
                  <a:pt x="959422" y="-16262"/>
                  <a:pt x="1127696" y="0"/>
                </a:cubicBezTo>
                <a:cubicBezTo>
                  <a:pt x="1295970" y="16262"/>
                  <a:pt x="1576146" y="18569"/>
                  <a:pt x="1691545" y="0"/>
                </a:cubicBezTo>
                <a:cubicBezTo>
                  <a:pt x="1806944" y="-18569"/>
                  <a:pt x="2225283" y="-10577"/>
                  <a:pt x="2393077" y="0"/>
                </a:cubicBezTo>
                <a:cubicBezTo>
                  <a:pt x="2560871" y="10577"/>
                  <a:pt x="2771337" y="-15375"/>
                  <a:pt x="3002819" y="0"/>
                </a:cubicBezTo>
                <a:cubicBezTo>
                  <a:pt x="3234301" y="15375"/>
                  <a:pt x="3395527" y="14139"/>
                  <a:pt x="3566668" y="0"/>
                </a:cubicBezTo>
                <a:cubicBezTo>
                  <a:pt x="3737809" y="-14139"/>
                  <a:pt x="4278198" y="3078"/>
                  <a:pt x="4589462" y="0"/>
                </a:cubicBezTo>
                <a:cubicBezTo>
                  <a:pt x="4598185" y="182247"/>
                  <a:pt x="4564924" y="465528"/>
                  <a:pt x="4589462" y="653415"/>
                </a:cubicBezTo>
                <a:cubicBezTo>
                  <a:pt x="4327649" y="676233"/>
                  <a:pt x="4192135" y="662205"/>
                  <a:pt x="3933825" y="653415"/>
                </a:cubicBezTo>
                <a:cubicBezTo>
                  <a:pt x="3675515" y="644625"/>
                  <a:pt x="3628180" y="653455"/>
                  <a:pt x="3369976" y="653415"/>
                </a:cubicBezTo>
                <a:cubicBezTo>
                  <a:pt x="3111772" y="653375"/>
                  <a:pt x="2834825" y="682420"/>
                  <a:pt x="2622550" y="653415"/>
                </a:cubicBezTo>
                <a:cubicBezTo>
                  <a:pt x="2410275" y="624410"/>
                  <a:pt x="2292447" y="647212"/>
                  <a:pt x="2012807" y="653415"/>
                </a:cubicBezTo>
                <a:cubicBezTo>
                  <a:pt x="1733167" y="659618"/>
                  <a:pt x="1716658" y="634389"/>
                  <a:pt x="1494853" y="653415"/>
                </a:cubicBezTo>
                <a:cubicBezTo>
                  <a:pt x="1273048" y="672441"/>
                  <a:pt x="1043542" y="664408"/>
                  <a:pt x="793321" y="653415"/>
                </a:cubicBezTo>
                <a:cubicBezTo>
                  <a:pt x="543100" y="642422"/>
                  <a:pt x="368129" y="692105"/>
                  <a:pt x="0" y="653415"/>
                </a:cubicBezTo>
                <a:cubicBezTo>
                  <a:pt x="-23737" y="327970"/>
                  <a:pt x="11663" y="191815"/>
                  <a:pt x="0" y="0"/>
                </a:cubicBezTo>
                <a:close/>
              </a:path>
              <a:path w="4589462" h="653415" stroke="0" extrusionOk="0">
                <a:moveTo>
                  <a:pt x="0" y="0"/>
                </a:moveTo>
                <a:cubicBezTo>
                  <a:pt x="146672" y="29002"/>
                  <a:pt x="323140" y="10061"/>
                  <a:pt x="609743" y="0"/>
                </a:cubicBezTo>
                <a:cubicBezTo>
                  <a:pt x="896346" y="-10061"/>
                  <a:pt x="917509" y="12050"/>
                  <a:pt x="1127696" y="0"/>
                </a:cubicBezTo>
                <a:cubicBezTo>
                  <a:pt x="1337883" y="-12050"/>
                  <a:pt x="1628973" y="34873"/>
                  <a:pt x="1875123" y="0"/>
                </a:cubicBezTo>
                <a:cubicBezTo>
                  <a:pt x="2121273" y="-34873"/>
                  <a:pt x="2276228" y="-11177"/>
                  <a:pt x="2484866" y="0"/>
                </a:cubicBezTo>
                <a:cubicBezTo>
                  <a:pt x="2693504" y="11177"/>
                  <a:pt x="2903124" y="-469"/>
                  <a:pt x="3094609" y="0"/>
                </a:cubicBezTo>
                <a:cubicBezTo>
                  <a:pt x="3286094" y="469"/>
                  <a:pt x="3570178" y="-337"/>
                  <a:pt x="3842035" y="0"/>
                </a:cubicBezTo>
                <a:cubicBezTo>
                  <a:pt x="4113892" y="337"/>
                  <a:pt x="4346478" y="30128"/>
                  <a:pt x="4589462" y="0"/>
                </a:cubicBezTo>
                <a:cubicBezTo>
                  <a:pt x="4588557" y="173548"/>
                  <a:pt x="4597007" y="462648"/>
                  <a:pt x="4589462" y="653415"/>
                </a:cubicBezTo>
                <a:cubicBezTo>
                  <a:pt x="4447872" y="655976"/>
                  <a:pt x="4288852" y="631653"/>
                  <a:pt x="4025614" y="653415"/>
                </a:cubicBezTo>
                <a:cubicBezTo>
                  <a:pt x="3762376" y="675177"/>
                  <a:pt x="3612365" y="659344"/>
                  <a:pt x="3369976" y="653415"/>
                </a:cubicBezTo>
                <a:cubicBezTo>
                  <a:pt x="3127587" y="647486"/>
                  <a:pt x="2884070" y="643042"/>
                  <a:pt x="2714339" y="653415"/>
                </a:cubicBezTo>
                <a:cubicBezTo>
                  <a:pt x="2544608" y="663788"/>
                  <a:pt x="2285060" y="652400"/>
                  <a:pt x="2104596" y="653415"/>
                </a:cubicBezTo>
                <a:cubicBezTo>
                  <a:pt x="1924132" y="654430"/>
                  <a:pt x="1600627" y="623775"/>
                  <a:pt x="1357169" y="653415"/>
                </a:cubicBezTo>
                <a:cubicBezTo>
                  <a:pt x="1113711" y="683055"/>
                  <a:pt x="961368" y="685014"/>
                  <a:pt x="609743" y="653415"/>
                </a:cubicBezTo>
                <a:cubicBezTo>
                  <a:pt x="258118" y="621816"/>
                  <a:pt x="299768" y="668816"/>
                  <a:pt x="0" y="653415"/>
                </a:cubicBezTo>
                <a:cubicBezTo>
                  <a:pt x="15317" y="404522"/>
                  <a:pt x="19113" y="204249"/>
                  <a:pt x="0" y="0"/>
                </a:cubicBezTo>
                <a:close/>
              </a:path>
            </a:pathLst>
          </a:custGeom>
          <a:solidFill>
            <a:schemeClr val="tx1"/>
          </a:solidFill>
          <a:ln>
            <a:solidFill>
              <a:schemeClr val="tx1"/>
            </a:solidFill>
            <a:extLst>
              <a:ext uri="{C807C97D-BFC1-408E-A445-0C87EB9F89A2}">
                <ask:lineSketchStyleProps xmlns:ask="http://schemas.microsoft.com/office/drawing/2018/sketchyshapes" sd="1219033472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0000" bIns="90000" rtlCol="0" anchor="t" anchorCtr="0"/>
          <a:lstStyle/>
          <a:p>
            <a:pPr algn="l"/>
            <a:endParaRPr lang="da-DK" sz="1600" b="0" err="1">
              <a:solidFill>
                <a:schemeClr val="bg1"/>
              </a:solidFill>
            </a:endParaRPr>
          </a:p>
        </p:txBody>
      </p:sp>
      <p:pic>
        <p:nvPicPr>
          <p:cNvPr id="8" name="Picture Placeholder 11">
            <a:extLst>
              <a:ext uri="{FF2B5EF4-FFF2-40B4-BE49-F238E27FC236}">
                <a16:creationId xmlns:a16="http://schemas.microsoft.com/office/drawing/2014/main" id="{8284D088-FB77-4987-903E-C3C9FDFD7C97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559" t="23585" r="559" b="22549"/>
          <a:stretch/>
        </p:blipFill>
        <p:spPr>
          <a:xfrm rot="21420000">
            <a:off x="-69846" y="-652"/>
            <a:ext cx="12199826" cy="4380004"/>
          </a:xfrm>
        </p:spPr>
      </p:pic>
      <p:sp>
        <p:nvSpPr>
          <p:cNvPr id="9" name="Title 8">
            <a:extLst>
              <a:ext uri="{FF2B5EF4-FFF2-40B4-BE49-F238E27FC236}">
                <a16:creationId xmlns:a16="http://schemas.microsoft.com/office/drawing/2014/main" id="{75680792-E41C-53B4-CF2A-90C7E1DABA1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br>
              <a:rPr lang="it-IT" dirty="0"/>
            </a:br>
            <a:r>
              <a:rPr lang="it-IT" dirty="0"/>
              <a:t>Her er plads til alle!</a:t>
            </a:r>
            <a:endParaRPr lang="en-GB" dirty="0"/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1767FAC6-A53D-719A-6AD6-AD8103E9828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err="1"/>
              <a:t>Udskoling</a:t>
            </a:r>
            <a:r>
              <a:rPr lang="en-GB"/>
              <a:t> 2024 – </a:t>
            </a:r>
            <a:r>
              <a:rPr lang="en-GB" err="1"/>
              <a:t>Fællesskab</a:t>
            </a:r>
            <a:r>
              <a:rPr lang="en-GB"/>
              <a:t> I bevægelse</a:t>
            </a:r>
            <a:endParaRPr lang="en-GB">
              <a:ea typeface="Open Sans"/>
              <a:cs typeface="Open Sans"/>
            </a:endParaRP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BF7509D-7A4C-1EF9-DA66-1AAE3EC541E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B6E2DC-21D8-1E0E-CAB0-8903ED5E36A5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831638" y="6523038"/>
            <a:ext cx="360362" cy="142875"/>
          </a:xfrm>
        </p:spPr>
        <p:txBody>
          <a:bodyPr/>
          <a:lstStyle/>
          <a:p>
            <a:fld id="{A23C0BB7-6BAB-41B9-B847-BE177CEDBC97}" type="slidenum">
              <a:rPr lang="en-GB" smtClean="0"/>
              <a:t>1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6400814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Onlinemedier 4" title="Kluddermor - udskoling">
            <a:hlinkClick r:id="" action="ppaction://media"/>
            <a:extLst>
              <a:ext uri="{FF2B5EF4-FFF2-40B4-BE49-F238E27FC236}">
                <a16:creationId xmlns:a16="http://schemas.microsoft.com/office/drawing/2014/main" id="{63B59688-1F55-1BBA-A510-F4C167A87BBE}"/>
              </a:ext>
            </a:extLst>
          </p:cNvPr>
          <p:cNvPicPr>
            <a:picLocks noRot="1" noChangeAspect="1"/>
          </p:cNvPicPr>
          <p:nvPr>
            <a:videoFile r:link="rId3"/>
          </p:nvPr>
        </p:nvPicPr>
        <p:blipFill>
          <a:blip r:embed="rId5"/>
          <a:stretch>
            <a:fillRect/>
          </a:stretch>
        </p:blipFill>
        <p:spPr>
          <a:xfrm>
            <a:off x="26988" y="0"/>
            <a:ext cx="12138025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0141739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036177BD-D722-C929-0669-E2A69D1395D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solidFill>
            <a:schemeClr val="accent1"/>
          </a:solidFill>
        </p:spPr>
        <p:txBody>
          <a:bodyPr/>
          <a:lstStyle/>
          <a:p>
            <a:endParaRPr lang="da-DK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67197A01-FAA9-672B-1A12-6A59F3C9F3E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Snak om filmen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15FA5945-EF1D-A899-2914-0C88DAEF52E0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49356" y="1825625"/>
            <a:ext cx="7416000" cy="4320000"/>
          </a:xfrm>
        </p:spPr>
        <p:txBody>
          <a:bodyPr vert="horz" lIns="0" tIns="0" rIns="0" bIns="0" rtlCol="0" anchor="t">
            <a:noAutofit/>
          </a:bodyPr>
          <a:lstStyle/>
          <a:p>
            <a:pPr marL="457200" lvl="0" indent="-457200">
              <a:lnSpc>
                <a:spcPct val="150000"/>
              </a:lnSpc>
              <a:buAutoNum type="arabicPeriod"/>
            </a:pPr>
            <a:r>
              <a:rPr lang="da-DK" sz="2200" dirty="0">
                <a:effectLst/>
                <a:latin typeface="Open Sans"/>
                <a:ea typeface="Calibri" panose="020F0502020204030204" pitchFamily="34" charset="0"/>
                <a:cs typeface="Times New Roman"/>
              </a:rPr>
              <a:t>Hvad synes I, filmen handler om?  </a:t>
            </a:r>
          </a:p>
          <a:p>
            <a:pPr marL="457200" lvl="0" indent="-457200">
              <a:lnSpc>
                <a:spcPct val="150000"/>
              </a:lnSpc>
              <a:buAutoNum type="arabicPeriod"/>
            </a:pPr>
            <a:r>
              <a:rPr lang="da-DK" sz="2200" dirty="0">
                <a:effectLst/>
                <a:latin typeface="Open Sans"/>
                <a:ea typeface="Calibri" panose="020F0502020204030204" pitchFamily="34" charset="0"/>
                <a:cs typeface="Times New Roman"/>
              </a:rPr>
              <a:t>Hvad tænker I, at legen ”Kluddermor” kan være et symbol på? </a:t>
            </a:r>
          </a:p>
          <a:p>
            <a:pPr marL="457200" lvl="0" indent="-457200">
              <a:lnSpc>
                <a:spcPct val="150000"/>
              </a:lnSpc>
              <a:buAutoNum type="arabicPeriod"/>
            </a:pPr>
            <a:r>
              <a:rPr lang="da-DK" sz="2200" dirty="0">
                <a:effectLst/>
                <a:latin typeface="Open Sans"/>
                <a:ea typeface="Calibri" panose="020F0502020204030204" pitchFamily="34" charset="0"/>
                <a:cs typeface="Times New Roman"/>
              </a:rPr>
              <a:t>”Fællesskaber er noget, vi skaber sammen” – hvad betyder det? Og hvordan hænger det sammen med temaet ’Her er plads til alle’?</a:t>
            </a:r>
          </a:p>
          <a:p>
            <a:pPr marL="143510" indent="-143510"/>
            <a:endParaRPr lang="da-DK" dirty="0">
              <a:ea typeface="Open Sans"/>
              <a:cs typeface="Open Sans"/>
            </a:endParaRPr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AADBA79E-6286-56D9-4599-5C976FF26BE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pPr/>
              <a:t>3</a:t>
            </a:fld>
            <a:endParaRPr lang="en-GB"/>
          </a:p>
        </p:txBody>
      </p:sp>
      <p:pic>
        <p:nvPicPr>
          <p:cNvPr id="10" name="Graphic 77">
            <a:extLst>
              <a:ext uri="{FF2B5EF4-FFF2-40B4-BE49-F238E27FC236}">
                <a16:creationId xmlns:a16="http://schemas.microsoft.com/office/drawing/2014/main" id="{5144D03C-CF5F-011D-7270-2541F86C092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968423" y="1920853"/>
            <a:ext cx="2477664" cy="301629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345576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FDB7559C-2317-C8FD-276C-153F6C3ED9E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A0D76B32-8204-7462-1B64-79C8AEFAF9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lipflapper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29349179-F0C7-914D-B9DB-607ED2C71D37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342900" lvl="0" indent="-3429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>
                <a:effectLst/>
                <a:latin typeface="Open Sans"/>
                <a:ea typeface="Calibri" panose="020F0502020204030204" pitchFamily="34" charset="0"/>
                <a:cs typeface="Times New Roman"/>
              </a:rPr>
              <a:t>Hvilken  følelse eller situation ser I?</a:t>
            </a:r>
            <a:endParaRPr lang="da-DK" sz="2200" dirty="0">
              <a:effectLst/>
              <a:latin typeface="Open Sans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>
                <a:effectLst/>
                <a:latin typeface="Open Sans"/>
                <a:ea typeface="Calibri" panose="020F0502020204030204" pitchFamily="34" charset="0"/>
                <a:cs typeface="Times New Roman"/>
              </a:rPr>
              <a:t>Hvad tror I, der er sket inden? </a:t>
            </a:r>
          </a:p>
          <a:p>
            <a:pPr marL="342900" lvl="0" indent="-3429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>
                <a:latin typeface="Open Sans"/>
                <a:ea typeface="Calibri" panose="020F0502020204030204" pitchFamily="34" charset="0"/>
                <a:cs typeface="Times New Roman"/>
              </a:rPr>
              <a:t>Hvad kan eleven selv gøre? </a:t>
            </a:r>
          </a:p>
          <a:p>
            <a:pPr marL="342900" lvl="0" indent="-3429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>
                <a:latin typeface="Open Sans"/>
                <a:ea typeface="Calibri" panose="020F0502020204030204" pitchFamily="34" charset="0"/>
                <a:cs typeface="Times New Roman"/>
              </a:rPr>
              <a:t>Hvad kan elevens klassekammerater gøre? </a:t>
            </a:r>
          </a:p>
          <a:p>
            <a:pPr marL="342900" lvl="0" indent="-3429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>
                <a:latin typeface="Open Sans"/>
                <a:ea typeface="Calibri" panose="020F0502020204030204" pitchFamily="34" charset="0"/>
                <a:cs typeface="Times New Roman"/>
              </a:rPr>
              <a:t>Hvad kan lærere og pædagoger gøre?</a:t>
            </a:r>
            <a:endParaRPr lang="da-DK" sz="2200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4FCF46A-0ABF-89F5-FC24-4627290332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4A2118E7-ED82-C7DE-E49A-1A8DFEC0EEB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9" name="Graphic 47">
            <a:extLst>
              <a:ext uri="{FF2B5EF4-FFF2-40B4-BE49-F238E27FC236}">
                <a16:creationId xmlns:a16="http://schemas.microsoft.com/office/drawing/2014/main" id="{157E553A-EC85-8E39-E990-86BFBCD6FED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928834" y="2015127"/>
            <a:ext cx="2820254" cy="24923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5996173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4AC8B5D3-6253-F4F1-7F07-857CCD94F69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81C0AE1C-4E75-255D-9FFD-508B117456A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ørn og unges rettigheder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9CFA60C-8750-2EF3-2FE3-364EDD46E8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C9A01CBA-D134-D7F1-6BC1-BB322DD4B2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42913" y="2447925"/>
            <a:ext cx="4681746" cy="3270713"/>
          </a:xfrm>
        </p:spPr>
        <p:txBody>
          <a:bodyPr/>
          <a:lstStyle/>
          <a:p>
            <a:r>
              <a:rPr lang="da-DK" sz="2300" dirty="0"/>
              <a:t>Ret til omsorg og tryghed</a:t>
            </a:r>
          </a:p>
          <a:p>
            <a:r>
              <a:rPr lang="da-DK" sz="2300" dirty="0"/>
              <a:t>Ret til at blive hørt og inddraget</a:t>
            </a:r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94838DAF-6ACB-F58E-9789-B93ADD68CB15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8" name="Picture 4">
            <a:extLst>
              <a:ext uri="{FF2B5EF4-FFF2-40B4-BE49-F238E27FC236}">
                <a16:creationId xmlns:a16="http://schemas.microsoft.com/office/drawing/2014/main" id="{09003CBD-C5F4-63A7-9E4D-7ED5CA93C039}"/>
              </a:ext>
            </a:extLst>
          </p:cNvPr>
          <p:cNvPicPr>
            <a:picLocks noGrp="1" noChangeAspect="1" noChangeArrowheads="1"/>
          </p:cNvPicPr>
          <p:nvPr>
            <p:ph type="pic" sz="quarter" idx="14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43" r="50108"/>
          <a:stretch/>
        </p:blipFill>
        <p:spPr bwMode="auto">
          <a:xfrm>
            <a:off x="5295900" y="0"/>
            <a:ext cx="7632700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5593256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nummer 1">
            <a:extLst>
              <a:ext uri="{FF2B5EF4-FFF2-40B4-BE49-F238E27FC236}">
                <a16:creationId xmlns:a16="http://schemas.microsoft.com/office/drawing/2014/main" id="{C9B400AE-5C64-5070-EAD8-44612403622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6</a:t>
            </a:fld>
            <a:endParaRPr lang="en-GB"/>
          </a:p>
        </p:txBody>
      </p:sp>
      <p:sp>
        <p:nvSpPr>
          <p:cNvPr id="14" name="Titel 1">
            <a:extLst>
              <a:ext uri="{FF2B5EF4-FFF2-40B4-BE49-F238E27FC236}">
                <a16:creationId xmlns:a16="http://schemas.microsoft.com/office/drawing/2014/main" id="{7723BA78-3705-CED8-880B-96CC8A647CBD}"/>
              </a:ext>
            </a:extLst>
          </p:cNvPr>
          <p:cNvSpPr txBox="1">
            <a:spLocks/>
          </p:cNvSpPr>
          <p:nvPr/>
        </p:nvSpPr>
        <p:spPr>
          <a:xfrm>
            <a:off x="442914" y="441326"/>
            <a:ext cx="9144000" cy="1152988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110000"/>
              </a:lnSpc>
              <a:spcBef>
                <a:spcPct val="0"/>
              </a:spcBef>
              <a:buNone/>
              <a:defRPr sz="3300" b="1" kern="1200" spc="10" baseline="0">
                <a:solidFill>
                  <a:schemeClr val="accent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3200" dirty="0"/>
              <a:t>Hvad synes I er vigtigt, for at I føler jer som en del af et trygt fællesskab?</a:t>
            </a:r>
          </a:p>
        </p:txBody>
      </p:sp>
      <p:pic>
        <p:nvPicPr>
          <p:cNvPr id="16" name="Billede 15">
            <a:extLst>
              <a:ext uri="{FF2B5EF4-FFF2-40B4-BE49-F238E27FC236}">
                <a16:creationId xmlns:a16="http://schemas.microsoft.com/office/drawing/2014/main" id="{6D72F2B4-1585-1F47-9049-75F7A96C8DD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2802" y="1807449"/>
            <a:ext cx="2394402" cy="1700347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8" name="Billede 17">
            <a:extLst>
              <a:ext uri="{FF2B5EF4-FFF2-40B4-BE49-F238E27FC236}">
                <a16:creationId xmlns:a16="http://schemas.microsoft.com/office/drawing/2014/main" id="{9DC62750-340E-1549-21A9-B0DC2388553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50870" y="3628201"/>
            <a:ext cx="2601831" cy="1852643"/>
          </a:xfrm>
          <a:prstGeom prst="rect">
            <a:avLst/>
          </a:prstGeom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</p:pic>
      <p:pic>
        <p:nvPicPr>
          <p:cNvPr id="24" name="Billede 23">
            <a:extLst>
              <a:ext uri="{FF2B5EF4-FFF2-40B4-BE49-F238E27FC236}">
                <a16:creationId xmlns:a16="http://schemas.microsoft.com/office/drawing/2014/main" id="{20D8D814-FE15-65F3-682D-66257FE901A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67992" y="3965279"/>
            <a:ext cx="2460434" cy="176088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26" name="Billede 25">
            <a:extLst>
              <a:ext uri="{FF2B5EF4-FFF2-40B4-BE49-F238E27FC236}">
                <a16:creationId xmlns:a16="http://schemas.microsoft.com/office/drawing/2014/main" id="{0929A4A9-E823-5B2A-FF2E-0F48C2640E6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170808" y="1917345"/>
            <a:ext cx="2394402" cy="1724903"/>
          </a:xfrm>
          <a:prstGeom prst="rect">
            <a:avLst/>
          </a:prstGeom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</p:pic>
      <p:pic>
        <p:nvPicPr>
          <p:cNvPr id="28" name="Billede 27">
            <a:extLst>
              <a:ext uri="{FF2B5EF4-FFF2-40B4-BE49-F238E27FC236}">
                <a16:creationId xmlns:a16="http://schemas.microsoft.com/office/drawing/2014/main" id="{65BAA182-F459-EE2F-2958-A503E27F2CE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46426" y="1707641"/>
            <a:ext cx="2482000" cy="1768355"/>
          </a:xfrm>
          <a:prstGeom prst="rect">
            <a:avLst/>
          </a:prstGeom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</p:pic>
      <p:pic>
        <p:nvPicPr>
          <p:cNvPr id="30" name="Billede 29">
            <a:extLst>
              <a:ext uri="{FF2B5EF4-FFF2-40B4-BE49-F238E27FC236}">
                <a16:creationId xmlns:a16="http://schemas.microsoft.com/office/drawing/2014/main" id="{D14245D3-77C3-AA5F-EDC7-87DB3F7D71C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179748" y="4898395"/>
            <a:ext cx="2603873" cy="1852643"/>
          </a:xfrm>
          <a:prstGeom prst="rect">
            <a:avLst/>
          </a:prstGeom>
          <a:effectLst>
            <a:outerShdw blurRad="50800" dist="38100" dir="13500000" algn="br" rotWithShape="0">
              <a:prstClr val="black">
                <a:alpha val="40000"/>
              </a:prstClr>
            </a:outerShdw>
          </a:effectLst>
        </p:spPr>
      </p:pic>
      <p:pic>
        <p:nvPicPr>
          <p:cNvPr id="32" name="Billede 31">
            <a:extLst>
              <a:ext uri="{FF2B5EF4-FFF2-40B4-BE49-F238E27FC236}">
                <a16:creationId xmlns:a16="http://schemas.microsoft.com/office/drawing/2014/main" id="{CBA766A1-8191-6ED4-B642-9DF825EED3D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185857" y="3837641"/>
            <a:ext cx="2548979" cy="1814919"/>
          </a:xfrm>
          <a:prstGeom prst="rect">
            <a:avLst/>
          </a:prstGeom>
          <a:effectLst>
            <a:outerShdw blurRad="50800" dist="38100" dir="8100000" algn="tr" rotWithShape="0">
              <a:prstClr val="black">
                <a:alpha val="40000"/>
              </a:prstClr>
            </a:outerShdw>
          </a:effectLst>
        </p:spPr>
      </p:pic>
      <p:pic>
        <p:nvPicPr>
          <p:cNvPr id="20" name="Billede 19">
            <a:extLst>
              <a:ext uri="{FF2B5EF4-FFF2-40B4-BE49-F238E27FC236}">
                <a16:creationId xmlns:a16="http://schemas.microsoft.com/office/drawing/2014/main" id="{C4085A4B-9399-6E98-547A-877D7B09C7D8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8210966" y="3035776"/>
            <a:ext cx="2601831" cy="1859006"/>
          </a:xfrm>
          <a:prstGeom prst="rect">
            <a:avLst/>
          </a:prstGeom>
          <a:effectLst>
            <a:outerShdw blurRad="50800" dist="38100" dir="10800000" algn="r" rotWithShape="0">
              <a:prstClr val="black">
                <a:alpha val="40000"/>
              </a:prstClr>
            </a:outerShdw>
          </a:effectLst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378A7D86-01D4-74C5-D6F6-E6352E1875EE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9145266" y="1513884"/>
            <a:ext cx="2603820" cy="1852643"/>
          </a:xfrm>
          <a:prstGeom prst="rect">
            <a:avLst/>
          </a:prstGeom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5E2DA336-0CA8-01D1-DA73-97B165A9264E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9477370" y="4655793"/>
            <a:ext cx="2500226" cy="1760881"/>
          </a:xfrm>
          <a:prstGeom prst="rect">
            <a:avLst/>
          </a:prstGeom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129511032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DA07CB49-3CD9-DF77-440C-22BAB4C8C4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Side </a:t>
            </a:r>
            <a:fld id="{730605FF-F867-A740-A5DE-C65B9C40772E}" type="slidenum">
              <a:rPr kumimoji="0" lang="da-DK" sz="7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da-DK" sz="7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5" name="Titel 6">
            <a:extLst>
              <a:ext uri="{FF2B5EF4-FFF2-40B4-BE49-F238E27FC236}">
                <a16:creationId xmlns:a16="http://schemas.microsoft.com/office/drawing/2014/main" id="{AE11D559-A58A-EBD2-2DBE-161C13FDF583}"/>
              </a:ext>
            </a:extLst>
          </p:cNvPr>
          <p:cNvSpPr txBox="1">
            <a:spLocks/>
          </p:cNvSpPr>
          <p:nvPr/>
        </p:nvSpPr>
        <p:spPr>
          <a:xfrm>
            <a:off x="513252" y="882541"/>
            <a:ext cx="11306174" cy="11529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110000"/>
              </a:lnSpc>
              <a:spcBef>
                <a:spcPct val="0"/>
              </a:spcBef>
              <a:buNone/>
              <a:defRPr sz="2800" b="1" kern="1200" spc="10" baseline="0">
                <a:solidFill>
                  <a:schemeClr val="accent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000" b="1" i="0" u="none" strike="noStrike" kern="1200" cap="none" spc="1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highlight>
                  <a:srgbClr val="000000"/>
                </a:highlight>
                <a:uLnTx/>
                <a:uFillTx/>
                <a:latin typeface="ImaginaryFriendBBW00-Bold" panose="02000806000000020004" pitchFamily="2" charset="0"/>
                <a:ea typeface="+mj-ea"/>
                <a:cs typeface="+mj-cs"/>
              </a:rPr>
              <a:t>kLassebudskab</a:t>
            </a:r>
            <a:r>
              <a:rPr kumimoji="0" lang="da-DK" sz="4000" b="1" i="0" u="none" strike="noStrike" kern="1200" cap="none" spc="1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highlight>
                  <a:srgbClr val="000000"/>
                </a:highlight>
                <a:uLnTx/>
                <a:uFillTx/>
                <a:latin typeface="ImaginaryFriendBBW00-Bold" panose="02000806000000020004" pitchFamily="2" charset="0"/>
                <a:ea typeface="+mj-ea"/>
                <a:cs typeface="+mj-cs"/>
              </a:rPr>
              <a:t> </a:t>
            </a:r>
          </a:p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4000" dirty="0">
                <a:solidFill>
                  <a:srgbClr val="FFFFFF"/>
                </a:solidFill>
                <a:highlight>
                  <a:srgbClr val="000000"/>
                </a:highlight>
                <a:latin typeface="ImaginaryFriendBBW00-Bold" panose="02000806000000020004" pitchFamily="2" charset="0"/>
              </a:rPr>
              <a:t>-</a:t>
            </a:r>
            <a:r>
              <a:rPr kumimoji="0" lang="da-DK" sz="4000" b="1" i="0" u="none" strike="noStrike" kern="1200" cap="none" spc="1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highlight>
                  <a:srgbClr val="000000"/>
                </a:highlight>
                <a:uLnTx/>
                <a:uFillTx/>
                <a:latin typeface="ImaginaryFriendBBW00-Bold" panose="02000806000000020004" pitchFamily="2" charset="0"/>
                <a:ea typeface="+mj-ea"/>
                <a:cs typeface="+mj-cs"/>
              </a:rPr>
              <a:t> Her er plads til alle!  </a:t>
            </a:r>
            <a:endParaRPr kumimoji="0" lang="da-DK" sz="3600" b="1" i="0" u="none" strike="noStrike" kern="1200" cap="none" spc="10" normalizeH="0" baseline="0" noProof="0" dirty="0">
              <a:ln>
                <a:noFill/>
              </a:ln>
              <a:solidFill>
                <a:srgbClr val="FFFFFF"/>
              </a:solidFill>
              <a:effectLst/>
              <a:highlight>
                <a:srgbClr val="000000"/>
              </a:highlight>
              <a:uLnTx/>
              <a:uFillTx/>
              <a:latin typeface="ImaginaryFriendBBW00-Bold" panose="02000806000000020004" pitchFamily="2" charset="0"/>
              <a:ea typeface="+mj-ea"/>
              <a:cs typeface="+mj-cs"/>
            </a:endParaRPr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2BAB74F5-2202-A1F1-677A-8AB23B542F8C}"/>
              </a:ext>
            </a:extLst>
          </p:cNvPr>
          <p:cNvSpPr txBox="1"/>
          <p:nvPr/>
        </p:nvSpPr>
        <p:spPr>
          <a:xfrm>
            <a:off x="1114425" y="6387584"/>
            <a:ext cx="609600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pic>
        <p:nvPicPr>
          <p:cNvPr id="9" name="Billede 8" descr="Et billede, der indeholder Grafik, clipart, stjerne, astronomi&#10;&#10;Automatisk genereret beskrivelse">
            <a:extLst>
              <a:ext uri="{FF2B5EF4-FFF2-40B4-BE49-F238E27FC236}">
                <a16:creationId xmlns:a16="http://schemas.microsoft.com/office/drawing/2014/main" id="{F38EF9CE-F744-B89C-A249-5A497BC2270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21220297">
            <a:off x="6935698" y="302964"/>
            <a:ext cx="5111353" cy="6252071"/>
          </a:xfrm>
          <a:prstGeom prst="rect">
            <a:avLst/>
          </a:prstGeom>
        </p:spPr>
      </p:pic>
      <p:pic>
        <p:nvPicPr>
          <p:cNvPr id="19" name="Billede 18" descr="Et billede, der indeholder clipart, tegning, Grafik, grafisk design&#10;&#10;Automatisk genereret beskrivelse">
            <a:extLst>
              <a:ext uri="{FF2B5EF4-FFF2-40B4-BE49-F238E27FC236}">
                <a16:creationId xmlns:a16="http://schemas.microsoft.com/office/drawing/2014/main" id="{CB86FC17-B480-1BDF-2246-9D56F01185F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flipH="1">
            <a:off x="-163514" y="3294821"/>
            <a:ext cx="4072322" cy="2649169"/>
          </a:xfrm>
          <a:prstGeom prst="rect">
            <a:avLst/>
          </a:prstGeom>
        </p:spPr>
      </p:pic>
      <p:pic>
        <p:nvPicPr>
          <p:cNvPr id="20" name="Graphic 2">
            <a:extLst>
              <a:ext uri="{FF2B5EF4-FFF2-40B4-BE49-F238E27FC236}">
                <a16:creationId xmlns:a16="http://schemas.microsoft.com/office/drawing/2014/main" id="{019DF3B6-B41D-1BD1-431A-BFB9D19CAC4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499640" y="2786378"/>
            <a:ext cx="857255" cy="9501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58765125"/>
      </p:ext>
    </p:extLst>
  </p:cSld>
  <p:clrMapOvr>
    <a:masterClrMapping/>
  </p:clrMapOvr>
  <p:transition spd="slow">
    <p:push dir="u"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DD5E6B0-31C1-CCCD-9EA4-C1057819D0D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23C0BB7-6BAB-41B9-B847-BE177CEDBC97}" type="slidenum">
              <a:rPr lang="en-GB" smtClean="0"/>
              <a:t>8</a:t>
            </a:fld>
            <a:endParaRPr lang="en-GB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646BC766-8A9E-4A23-1C3E-71A145F481F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37388" y="118193"/>
            <a:ext cx="6301445" cy="6739807"/>
          </a:xfrm>
          <a:prstGeom prst="rect">
            <a:avLst/>
          </a:prstGeom>
        </p:spPr>
      </p:pic>
      <p:sp>
        <p:nvSpPr>
          <p:cNvPr id="11" name="Tekstfelt 10">
            <a:extLst>
              <a:ext uri="{FF2B5EF4-FFF2-40B4-BE49-F238E27FC236}">
                <a16:creationId xmlns:a16="http://schemas.microsoft.com/office/drawing/2014/main" id="{3659E8AA-18F1-1748-5C07-8290B30E6050}"/>
              </a:ext>
            </a:extLst>
          </p:cNvPr>
          <p:cNvSpPr txBox="1"/>
          <p:nvPr/>
        </p:nvSpPr>
        <p:spPr>
          <a:xfrm rot="20910483">
            <a:off x="188611" y="301792"/>
            <a:ext cx="6097554" cy="144655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000" b="1" i="0" u="none" strike="noStrike" kern="1200" cap="none" spc="1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highlight>
                  <a:srgbClr val="000000"/>
                </a:highlight>
                <a:uLnTx/>
                <a:uFillTx/>
                <a:latin typeface="ImaginaryFriendBBW00-Bold" panose="02000806000000020004" pitchFamily="2" charset="0"/>
                <a:ea typeface="+mj-ea"/>
                <a:cs typeface="+mj-cs"/>
              </a:rPr>
              <a:t>Nu er I klar til Stjerneræset!  </a:t>
            </a:r>
            <a:endParaRPr kumimoji="0" lang="da-DK" sz="3600" b="1" i="0" u="none" strike="noStrike" kern="1200" cap="none" spc="10" normalizeH="0" baseline="0" noProof="0" dirty="0">
              <a:ln>
                <a:noFill/>
              </a:ln>
              <a:solidFill>
                <a:srgbClr val="FFFFFF"/>
              </a:solidFill>
              <a:effectLst/>
              <a:highlight>
                <a:srgbClr val="000000"/>
              </a:highlight>
              <a:uLnTx/>
              <a:uFillTx/>
              <a:latin typeface="ImaginaryFriendBBW00-Bold" panose="02000806000000020004" pitchFamily="2" charset="0"/>
              <a:ea typeface="+mj-ea"/>
              <a:cs typeface="+mj-cs"/>
            </a:endParaRPr>
          </a:p>
        </p:txBody>
      </p:sp>
      <p:pic>
        <p:nvPicPr>
          <p:cNvPr id="18" name="Billede 17" descr="Et billede, der indeholder Grafik, grafisk design, symbol, clipart&#10;&#10;Automatisk genereret beskrivelse">
            <a:extLst>
              <a:ext uri="{FF2B5EF4-FFF2-40B4-BE49-F238E27FC236}">
                <a16:creationId xmlns:a16="http://schemas.microsoft.com/office/drawing/2014/main" id="{73CD1CDF-7B7D-C913-6DE7-1897E59D779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248138">
            <a:off x="9135876" y="278273"/>
            <a:ext cx="3740226" cy="4125955"/>
          </a:xfrm>
          <a:prstGeom prst="rect">
            <a:avLst/>
          </a:prstGeom>
        </p:spPr>
      </p:pic>
      <p:pic>
        <p:nvPicPr>
          <p:cNvPr id="22" name="Billede 21" descr="Et billede, der indeholder Grafik, trekant, flag, kreativitet&#10;&#10;Automatisk genereret beskrivelse">
            <a:extLst>
              <a:ext uri="{FF2B5EF4-FFF2-40B4-BE49-F238E27FC236}">
                <a16:creationId xmlns:a16="http://schemas.microsoft.com/office/drawing/2014/main" id="{67925B1E-8B6E-B51C-2C5A-755DBE985E8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3223042">
            <a:off x="-402066" y="4043521"/>
            <a:ext cx="2061944" cy="495810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1437399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alu\AppData\Local\Templafy\AddIns\PowerPointVsto\33513752-14b1-4017-a0e2-29e348242ebc.jpeg"/>
</p:tagLst>
</file>

<file path=ppt/theme/theme1.xml><?xml version="1.0" encoding="utf-8"?>
<a:theme xmlns:a="http://schemas.openxmlformats.org/drawingml/2006/main" name="Office-tema">
  <a:themeElements>
    <a:clrScheme name="Borns Vilkaar 2022">
      <a:dk1>
        <a:srgbClr val="000000"/>
      </a:dk1>
      <a:lt1>
        <a:srgbClr val="FFFFFF"/>
      </a:lt1>
      <a:dk2>
        <a:srgbClr val="AB8B79"/>
      </a:dk2>
      <a:lt2>
        <a:srgbClr val="002F6D"/>
      </a:lt2>
      <a:accent1>
        <a:srgbClr val="F05041"/>
      </a:accent1>
      <a:accent2>
        <a:srgbClr val="000000"/>
      </a:accent2>
      <a:accent3>
        <a:srgbClr val="00677F"/>
      </a:accent3>
      <a:accent4>
        <a:srgbClr val="00B2A9"/>
      </a:accent4>
      <a:accent5>
        <a:srgbClr val="FFF200"/>
      </a:accent5>
      <a:accent6>
        <a:srgbClr val="BECDD6"/>
      </a:accent6>
      <a:hlink>
        <a:srgbClr val="F05041"/>
      </a:hlink>
      <a:folHlink>
        <a:srgbClr val="00677F"/>
      </a:folHlink>
    </a:clrScheme>
    <a:fontScheme name="Borns Vilkaar">
      <a:majorFont>
        <a:latin typeface="Roboto Slab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tIns="90000" bIns="90000" rtlCol="0" anchor="t" anchorCtr="0"/>
      <a:lstStyle>
        <a:defPPr algn="l">
          <a:defRPr sz="1600" b="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175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marL="144000" indent="-144000" algn="l">
          <a:lnSpc>
            <a:spcPct val="110000"/>
          </a:lnSpc>
          <a:spcBef>
            <a:spcPts val="1200"/>
          </a:spcBef>
          <a:buSzPct val="80000"/>
          <a:buFont typeface="Arial" panose="020B0604020202020204" pitchFamily="34" charset="0"/>
          <a:buChar char="•"/>
          <a:defRPr sz="1600" dirty="0" err="1" smtClean="0">
            <a:solidFill>
              <a:schemeClr val="accent2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owerPoint template 2022" id="{DC36D753-1C3A-4B5A-89A5-DD3D2097767A}" vid="{E04B29D6-5D75-4579-8DAE-C9F87D6353BB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120582072223176","enableDocumentContentUpdater":false,"version":"2.0"}]]></TemplafySlideTemplateConfiguration>
</file>

<file path=customXml/item10.xml><?xml version="1.0" encoding="utf-8"?>
<TemplafyTemplateConfiguration><![CDATA[{"elementsMetadata":[],"transformationConfigurations":[],"templateName":"Børns Vilkår PowerPoint - tom","templateDescription":"","enableDocumentContentUpdater":false,"version":"2.0"}]]></TemplafyTemplateConfiguration>
</file>

<file path=customXml/item11.xml><?xml version="1.0" encoding="utf-8"?>
<TemplafySlideTemplateConfiguration><![CDATA[{"slideVersion":1,"isValidatorEnabled":false,"isLocked":false,"elementsMetadata":[],"slideId":"638120582072219262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8120582072199504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638120582072212909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622e58b8-c764-4794-af57-b128b2667bdb">
      <Terms xmlns="http://schemas.microsoft.com/office/infopath/2007/PartnerControls"/>
    </lcf76f155ced4ddcb4097134ff3c332f>
    <TaxCatchAll xmlns="c99db883-fce8-408c-9f59-0343e487093c" xsi:nil="true"/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120582072224819","enableDocumentContentUpdater":false,"version":"2.0"}]]></TemplafySlide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AF7312BC342B2840A9EEC9CE21CBC942" ma:contentTypeVersion="20" ma:contentTypeDescription="Opret et nyt dokument." ma:contentTypeScope="" ma:versionID="cf63520e244c5c315dbf69fd84919536">
  <xsd:schema xmlns:xsd="http://www.w3.org/2001/XMLSchema" xmlns:xs="http://www.w3.org/2001/XMLSchema" xmlns:p="http://schemas.microsoft.com/office/2006/metadata/properties" xmlns:ns1="http://schemas.microsoft.com/sharepoint/v3" xmlns:ns2="622e58b8-c764-4794-af57-b128b2667bdb" xmlns:ns3="c99db883-fce8-408c-9f59-0343e487093c" targetNamespace="http://schemas.microsoft.com/office/2006/metadata/properties" ma:root="true" ma:fieldsID="9fd706ff99f00fa46389dbd8aaa329d9" ns1:_="" ns2:_="" ns3:_="">
    <xsd:import namespace="http://schemas.microsoft.com/sharepoint/v3"/>
    <xsd:import namespace="622e58b8-c764-4794-af57-b128b2667bdb"/>
    <xsd:import namespace="c99db883-fce8-408c-9f59-0343e487093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1:_ip_UnifiedCompliancePolicyProperties" minOccurs="0"/>
                <xsd:element ref="ns1:_ip_UnifiedCompliancePolicyUIAc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Egenskaber for Unified Compliance Policy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Handling for Unified Compliance Policy-grænseflade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22e58b8-c764-4794-af57-b128b2667bd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Billedmærker" ma:readOnly="false" ma:fieldId="{5cf76f15-5ced-4ddc-b409-7134ff3c332f}" ma:taxonomyMulti="true" ma:sspId="057e9cf2-62da-41eb-9102-b573f6fdbc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99db883-fce8-408c-9f59-0343e487093c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44464055-4557-4f1d-a11d-7fcfda4a3164}" ma:internalName="TaxCatchAll" ma:showField="CatchAllData" ma:web="c99db883-fce8-408c-9f59-0343e487093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TemplateConfiguration><![CDATA[{"slideVersion":1,"isValidatorEnabled":false,"isLocked":false,"elementsMetadata":[],"slideId":"63812058207221790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A191740-86C4-4CB7-88C7-46DC4D26E853}">
  <ds:schemaRefs/>
</ds:datastoreItem>
</file>

<file path=customXml/itemProps10.xml><?xml version="1.0" encoding="utf-8"?>
<ds:datastoreItem xmlns:ds="http://schemas.openxmlformats.org/officeDocument/2006/customXml" ds:itemID="{A1EE1112-9BD6-4B0A-BE3F-1A0DC687A3A8}">
  <ds:schemaRefs/>
</ds:datastoreItem>
</file>

<file path=customXml/itemProps11.xml><?xml version="1.0" encoding="utf-8"?>
<ds:datastoreItem xmlns:ds="http://schemas.openxmlformats.org/officeDocument/2006/customXml" ds:itemID="{0637CC6D-4D1E-4D11-8FD0-8171E73D8135}">
  <ds:schemaRefs/>
</ds:datastoreItem>
</file>

<file path=customXml/itemProps12.xml><?xml version="1.0" encoding="utf-8"?>
<ds:datastoreItem xmlns:ds="http://schemas.openxmlformats.org/officeDocument/2006/customXml" ds:itemID="{1D32FC0C-C70E-463C-A2FC-8FFCA4CF6F39}">
  <ds:schemaRefs/>
</ds:datastoreItem>
</file>

<file path=customXml/itemProps13.xml><?xml version="1.0" encoding="utf-8"?>
<ds:datastoreItem xmlns:ds="http://schemas.openxmlformats.org/officeDocument/2006/customXml" ds:itemID="{D9149B40-F595-4D6A-97D5-3F56AFC723EE}">
  <ds:schemaRefs/>
</ds:datastoreItem>
</file>

<file path=customXml/itemProps14.xml><?xml version="1.0" encoding="utf-8"?>
<ds:datastoreItem xmlns:ds="http://schemas.openxmlformats.org/officeDocument/2006/customXml" ds:itemID="{62307367-3367-4D31-84FA-EC66FF989D6A}">
  <ds:schemaRefs/>
</ds:datastoreItem>
</file>

<file path=customXml/itemProps15.xml><?xml version="1.0" encoding="utf-8"?>
<ds:datastoreItem xmlns:ds="http://schemas.openxmlformats.org/officeDocument/2006/customXml" ds:itemID="{80BB9D77-9486-4342-8484-1F94E29B85F9}">
  <ds:schemaRefs/>
</ds:datastoreItem>
</file>

<file path=customXml/itemProps16.xml><?xml version="1.0" encoding="utf-8"?>
<ds:datastoreItem xmlns:ds="http://schemas.openxmlformats.org/officeDocument/2006/customXml" ds:itemID="{893A88A2-A7E5-4570-B3F0-7AFA7EF3F943}">
  <ds:schemaRefs/>
</ds:datastoreItem>
</file>

<file path=customXml/itemProps17.xml><?xml version="1.0" encoding="utf-8"?>
<ds:datastoreItem xmlns:ds="http://schemas.openxmlformats.org/officeDocument/2006/customXml" ds:itemID="{C360C3A6-8510-4DB8-976A-01E879DBD6A6}">
  <ds:schemaRefs/>
</ds:datastoreItem>
</file>

<file path=customXml/itemProps2.xml><?xml version="1.0" encoding="utf-8"?>
<ds:datastoreItem xmlns:ds="http://schemas.openxmlformats.org/officeDocument/2006/customXml" ds:itemID="{A560D568-16B8-4E10-AAEB-AEB3B1A9FBF2}">
  <ds:schemaRefs>
    <ds:schemaRef ds:uri="http://purl.org/dc/terms/"/>
    <ds:schemaRef ds:uri="c99db883-fce8-408c-9f59-0343e487093c"/>
    <ds:schemaRef ds:uri="http://schemas.microsoft.com/office/2006/metadata/properties"/>
    <ds:schemaRef ds:uri="http://schemas.microsoft.com/office/infopath/2007/PartnerControls"/>
    <ds:schemaRef ds:uri="http://schemas.microsoft.com/office/2006/documentManagement/types"/>
    <ds:schemaRef ds:uri="http://schemas.microsoft.com/sharepoint/v3"/>
    <ds:schemaRef ds:uri="http://purl.org/dc/elements/1.1/"/>
    <ds:schemaRef ds:uri="http://purl.org/dc/dcmitype/"/>
    <ds:schemaRef ds:uri="622e58b8-c764-4794-af57-b128b2667bdb"/>
    <ds:schemaRef ds:uri="http://schemas.openxmlformats.org/package/2006/metadata/core-properties"/>
    <ds:schemaRef ds:uri="http://www.w3.org/XML/1998/namespace"/>
  </ds:schemaRefs>
</ds:datastoreItem>
</file>

<file path=customXml/itemProps3.xml><?xml version="1.0" encoding="utf-8"?>
<ds:datastoreItem xmlns:ds="http://schemas.openxmlformats.org/officeDocument/2006/customXml" ds:itemID="{8DB0F9EA-3581-4B26-9230-9B19BAB6C12E}">
  <ds:schemaRefs/>
</ds:datastoreItem>
</file>

<file path=customXml/itemProps4.xml><?xml version="1.0" encoding="utf-8"?>
<ds:datastoreItem xmlns:ds="http://schemas.openxmlformats.org/officeDocument/2006/customXml" ds:itemID="{F0E999FA-D08A-4425-AE3B-110E8C9D7FDB}">
  <ds:schemaRefs/>
</ds:datastoreItem>
</file>

<file path=customXml/itemProps5.xml><?xml version="1.0" encoding="utf-8"?>
<ds:datastoreItem xmlns:ds="http://schemas.openxmlformats.org/officeDocument/2006/customXml" ds:itemID="{1EF9406D-09CB-4664-BD1C-9FE769810CDD}">
  <ds:schemaRefs/>
</ds:datastoreItem>
</file>

<file path=customXml/itemProps6.xml><?xml version="1.0" encoding="utf-8"?>
<ds:datastoreItem xmlns:ds="http://schemas.openxmlformats.org/officeDocument/2006/customXml" ds:itemID="{4B0DC4A4-A9BF-49B6-B631-12196D765C8B}">
  <ds:schemaRefs>
    <ds:schemaRef ds:uri="622e58b8-c764-4794-af57-b128b2667bdb"/>
    <ds:schemaRef ds:uri="c99db883-fce8-408c-9f59-0343e487093c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microsoft.com/sharepoint/v3"/>
    <ds:schemaRef ds:uri="http://schemas.openxmlformats.org/package/2006/metadata/core-properties"/>
    <ds:schemaRef ds:uri="http://www.w3.org/2001/XMLSchema"/>
  </ds:schemaRefs>
</ds:datastoreItem>
</file>

<file path=customXml/itemProps7.xml><?xml version="1.0" encoding="utf-8"?>
<ds:datastoreItem xmlns:ds="http://schemas.openxmlformats.org/officeDocument/2006/customXml" ds:itemID="{FC2666F0-B34F-4D10-84F9-C95A46FBD504}">
  <ds:schemaRefs/>
</ds:datastoreItem>
</file>

<file path=customXml/itemProps8.xml><?xml version="1.0" encoding="utf-8"?>
<ds:datastoreItem xmlns:ds="http://schemas.openxmlformats.org/officeDocument/2006/customXml" ds:itemID="{4880E5D4-FF67-4251-B0A4-7BC757B2A47E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3689068F-BE29-431B-916B-4839A39D7AC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</TotalTime>
  <Words>162</Words>
  <Application>Microsoft Office PowerPoint</Application>
  <PresentationFormat>Widescreen</PresentationFormat>
  <Paragraphs>28</Paragraphs>
  <Slides>8</Slides>
  <Notes>2</Notes>
  <HiddenSlides>0</HiddenSlides>
  <MMClips>1</MMClips>
  <ScaleCrop>false</ScaleCrop>
  <HeadingPairs>
    <vt:vector size="4" baseType="variant">
      <vt:variant>
        <vt:lpstr>Tema</vt:lpstr>
      </vt:variant>
      <vt:variant>
        <vt:i4>1</vt:i4>
      </vt:variant>
      <vt:variant>
        <vt:lpstr>Slidetitler</vt:lpstr>
      </vt:variant>
      <vt:variant>
        <vt:i4>8</vt:i4>
      </vt:variant>
    </vt:vector>
  </HeadingPairs>
  <TitlesOfParts>
    <vt:vector size="9" baseType="lpstr">
      <vt:lpstr>Office-tema</vt:lpstr>
      <vt:lpstr> Her er plads til alle!</vt:lpstr>
      <vt:lpstr>PowerPoint-præsentation</vt:lpstr>
      <vt:lpstr>Snak om filmen</vt:lpstr>
      <vt:lpstr>Flipflapper</vt:lpstr>
      <vt:lpstr>Børn og unges rettigheder</vt:lpstr>
      <vt:lpstr>PowerPoint-præsentation</vt:lpstr>
      <vt:lpstr>PowerPoint-præsentation</vt:lpstr>
      <vt:lpstr>PowerPoint-præ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dsæt  Titel  og brug evt. Highlight funktion</dc:title>
  <dc:creator>Marie Svendsen</dc:creator>
  <cp:lastModifiedBy>Sofie Rasmussen</cp:lastModifiedBy>
  <cp:revision>2</cp:revision>
  <dcterms:created xsi:type="dcterms:W3CDTF">2023-02-21T07:49:06Z</dcterms:created>
  <dcterms:modified xsi:type="dcterms:W3CDTF">2024-06-14T09:03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AF7312BC342B2840A9EEC9CE21CBC942</vt:lpwstr>
  </property>
  <property fmtid="{D5CDD505-2E9C-101B-9397-08002B2CF9AE}" pid="3" name="MediaServiceImageTags">
    <vt:lpwstr/>
  </property>
  <property fmtid="{D5CDD505-2E9C-101B-9397-08002B2CF9AE}" pid="4" name="TemplafyTimeStamp">
    <vt:lpwstr>2023-02-15T11:43:27</vt:lpwstr>
  </property>
  <property fmtid="{D5CDD505-2E9C-101B-9397-08002B2CF9AE}" pid="5" name="TemplafyTenantId">
    <vt:lpwstr>bornsvilkar</vt:lpwstr>
  </property>
  <property fmtid="{D5CDD505-2E9C-101B-9397-08002B2CF9AE}" pid="6" name="TemplafyTemplateId">
    <vt:lpwstr>638120582058260491</vt:lpwstr>
  </property>
  <property fmtid="{D5CDD505-2E9C-101B-9397-08002B2CF9AE}" pid="7" name="TemplafyUserProfileId">
    <vt:lpwstr>637997788185420305</vt:lpwstr>
  </property>
  <property fmtid="{D5CDD505-2E9C-101B-9397-08002B2CF9AE}" pid="8" name="TemplafyFromBlank">
    <vt:bool>true</vt:bool>
  </property>
</Properties>
</file>